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13-1" sheetId="1" r:id="rId1"/>
    <sheet name="13-2" sheetId="2" r:id="rId2"/>
  </sheets>
  <externalReferences>
    <externalReference r:id="rId3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3-1'!$A$1:$P$39</definedName>
    <definedName name="_xlnm.Print_Area" localSheetId="1">'13-2'!$A$1:$AM$39</definedName>
    <definedName name="_xlnm.Print_Titles" localSheetId="0">'13-1'!$A:$A</definedName>
    <definedName name="_xlnm.Print_Titles" localSheetId="1">'13-2'!$A:$A</definedName>
  </definedNames>
  <calcPr calcId="152511"/>
</workbook>
</file>

<file path=xl/sharedStrings.xml><?xml version="1.0" encoding="utf-8"?>
<sst xmlns="http://schemas.openxmlformats.org/spreadsheetml/2006/main" count="149" uniqueCount="94">
  <si>
    <t>農林</t>
    <rPh sb="0" eb="2">
      <t>ノウリン</t>
    </rPh>
    <phoneticPr fontId="1"/>
  </si>
  <si>
    <t>前年度</t>
    <rPh sb="0" eb="3">
      <t>ゼンネンド</t>
    </rPh>
    <phoneticPr fontId="2"/>
  </si>
  <si>
    <t>議会費</t>
    <rPh sb="0" eb="2">
      <t>ギカイ</t>
    </rPh>
    <rPh sb="2" eb="3">
      <t>ヒ</t>
    </rPh>
    <phoneticPr fontId="2"/>
  </si>
  <si>
    <t>総務費</t>
    <rPh sb="0" eb="3">
      <t>ソウムヒ</t>
    </rPh>
    <phoneticPr fontId="2"/>
  </si>
  <si>
    <t>民生費</t>
    <rPh sb="0" eb="3">
      <t>ミンセイヒ</t>
    </rPh>
    <phoneticPr fontId="2"/>
  </si>
  <si>
    <t>衛生費</t>
    <rPh sb="0" eb="3">
      <t>エイセイヒ</t>
    </rPh>
    <phoneticPr fontId="2"/>
  </si>
  <si>
    <t>労働費</t>
  </si>
  <si>
    <t>商工費</t>
  </si>
  <si>
    <t>土木費</t>
    <rPh sb="0" eb="3">
      <t>ドボクヒ</t>
    </rPh>
    <phoneticPr fontId="2"/>
  </si>
  <si>
    <t>消防費</t>
    <rPh sb="0" eb="3">
      <t>ショウボウヒ</t>
    </rPh>
    <phoneticPr fontId="0"/>
  </si>
  <si>
    <t>教育費</t>
    <rPh sb="0" eb="3">
      <t>キョウイクヒ</t>
    </rPh>
    <phoneticPr fontId="2"/>
  </si>
  <si>
    <t>災害復旧費</t>
    <rPh sb="0" eb="2">
      <t>サイガイ</t>
    </rPh>
    <rPh sb="2" eb="4">
      <t>フッキュウ</t>
    </rPh>
    <rPh sb="4" eb="5">
      <t>ヒ</t>
    </rPh>
    <phoneticPr fontId="2"/>
  </si>
  <si>
    <t>公債費</t>
    <rPh sb="0" eb="3">
      <t>コウサイヒ</t>
    </rPh>
    <phoneticPr fontId="2"/>
  </si>
  <si>
    <t>諸支出金</t>
    <rPh sb="0" eb="3">
      <t>ショシシュツ</t>
    </rPh>
    <rPh sb="3" eb="4">
      <t>キン</t>
    </rPh>
    <phoneticPr fontId="2"/>
  </si>
  <si>
    <t>繰上充用金</t>
  </si>
  <si>
    <t>歳出合計</t>
    <rPh sb="0" eb="2">
      <t>サイシュツ</t>
    </rPh>
    <rPh sb="2" eb="4">
      <t>ゴウケイ</t>
    </rPh>
    <phoneticPr fontId="2"/>
  </si>
  <si>
    <t>左の内訳</t>
    <rPh sb="0" eb="1">
      <t>ヒダリ</t>
    </rPh>
    <rPh sb="2" eb="4">
      <t>ウチワケ</t>
    </rPh>
    <phoneticPr fontId="1"/>
  </si>
  <si>
    <t>普通建設</t>
    <rPh sb="0" eb="2">
      <t>フツウ</t>
    </rPh>
    <rPh sb="2" eb="4">
      <t>ケンセツ</t>
    </rPh>
    <phoneticPr fontId="3"/>
  </si>
  <si>
    <t>同級他団体</t>
    <rPh sb="0" eb="2">
      <t>ドウキュウ</t>
    </rPh>
    <rPh sb="2" eb="5">
      <t>タダンタイ</t>
    </rPh>
    <phoneticPr fontId="3"/>
  </si>
  <si>
    <t>災害復旧</t>
    <rPh sb="0" eb="2">
      <t>サイガイ</t>
    </rPh>
    <rPh sb="2" eb="4">
      <t>フッキュウ</t>
    </rPh>
    <phoneticPr fontId="3"/>
  </si>
  <si>
    <t>失業対策</t>
    <rPh sb="0" eb="2">
      <t>シツギョウ</t>
    </rPh>
    <rPh sb="2" eb="4">
      <t>タイサク</t>
    </rPh>
    <phoneticPr fontId="3"/>
  </si>
  <si>
    <t>投資及び</t>
    <rPh sb="0" eb="2">
      <t>トウシ</t>
    </rPh>
    <phoneticPr fontId="3"/>
  </si>
  <si>
    <t>前年度</t>
    <rPh sb="0" eb="3">
      <t>ゼンネンド</t>
    </rPh>
    <phoneticPr fontId="3"/>
  </si>
  <si>
    <t>人件費</t>
    <rPh sb="0" eb="3">
      <t>ジンケンヒ</t>
    </rPh>
    <phoneticPr fontId="3"/>
  </si>
  <si>
    <t>左のうち</t>
    <rPh sb="0" eb="1">
      <t>ヒダリ</t>
    </rPh>
    <phoneticPr fontId="1"/>
  </si>
  <si>
    <t>物件費</t>
    <rPh sb="0" eb="2">
      <t>ブッケン</t>
    </rPh>
    <rPh sb="2" eb="3">
      <t>ヒ</t>
    </rPh>
    <phoneticPr fontId="3"/>
  </si>
  <si>
    <t>維持補修費</t>
    <rPh sb="0" eb="2">
      <t>イジ</t>
    </rPh>
    <rPh sb="2" eb="5">
      <t>ホシュウヒ</t>
    </rPh>
    <phoneticPr fontId="3"/>
  </si>
  <si>
    <t>扶助費</t>
    <rPh sb="0" eb="2">
      <t>フジョ</t>
    </rPh>
    <rPh sb="2" eb="3">
      <t>ヒ</t>
    </rPh>
    <phoneticPr fontId="3"/>
  </si>
  <si>
    <t>補助費等</t>
    <rPh sb="0" eb="3">
      <t>ホジョヒ</t>
    </rPh>
    <rPh sb="3" eb="4">
      <t>トウ</t>
    </rPh>
    <phoneticPr fontId="3"/>
  </si>
  <si>
    <t>国に</t>
    <rPh sb="0" eb="1">
      <t>クニ</t>
    </rPh>
    <phoneticPr fontId="3"/>
  </si>
  <si>
    <t>都道府県に</t>
    <rPh sb="0" eb="2">
      <t>トドウ</t>
    </rPh>
    <rPh sb="2" eb="3">
      <t>フ</t>
    </rPh>
    <rPh sb="3" eb="4">
      <t>ケン</t>
    </rPh>
    <phoneticPr fontId="3"/>
  </si>
  <si>
    <t>一部事務組合に</t>
    <rPh sb="0" eb="2">
      <t>イチブ</t>
    </rPh>
    <rPh sb="2" eb="4">
      <t>ジム</t>
    </rPh>
    <rPh sb="4" eb="6">
      <t>クミアイ</t>
    </rPh>
    <phoneticPr fontId="3"/>
  </si>
  <si>
    <t>その他に</t>
    <rPh sb="0" eb="3">
      <t>ソノタ</t>
    </rPh>
    <phoneticPr fontId="3"/>
  </si>
  <si>
    <t>事業費</t>
  </si>
  <si>
    <t>補助事業費</t>
    <rPh sb="0" eb="2">
      <t>ホジョ</t>
    </rPh>
    <rPh sb="2" eb="5">
      <t>ジギョウヒ</t>
    </rPh>
    <phoneticPr fontId="3"/>
  </si>
  <si>
    <t>単独事業費</t>
    <rPh sb="0" eb="2">
      <t>タンドク</t>
    </rPh>
    <rPh sb="2" eb="5">
      <t>ジギョウヒ</t>
    </rPh>
    <phoneticPr fontId="3"/>
  </si>
  <si>
    <t>国直轄事業</t>
    <rPh sb="0" eb="1">
      <t>クニ</t>
    </rPh>
    <rPh sb="1" eb="3">
      <t>チョッカツ</t>
    </rPh>
    <rPh sb="3" eb="5">
      <t>ジギョウ</t>
    </rPh>
    <phoneticPr fontId="3"/>
  </si>
  <si>
    <t>県営事業</t>
    <rPh sb="0" eb="2">
      <t>ケンエイ</t>
    </rPh>
    <rPh sb="2" eb="4">
      <t>ジギョウ</t>
    </rPh>
    <phoneticPr fontId="3"/>
  </si>
  <si>
    <t>施行事業</t>
  </si>
  <si>
    <t>受託事業費</t>
    <rPh sb="0" eb="2">
      <t>ジュタク</t>
    </rPh>
    <rPh sb="2" eb="5">
      <t>ジギョウヒ</t>
    </rPh>
    <phoneticPr fontId="3"/>
  </si>
  <si>
    <t>公債費</t>
    <rPh sb="0" eb="3">
      <t>コウサイヒ</t>
    </rPh>
    <phoneticPr fontId="3"/>
  </si>
  <si>
    <t>積立金</t>
    <rPh sb="0" eb="3">
      <t>ツミタテキン</t>
    </rPh>
    <phoneticPr fontId="3"/>
  </si>
  <si>
    <t>貸付金</t>
    <rPh sb="0" eb="3">
      <t>カシツケキン</t>
    </rPh>
    <phoneticPr fontId="3"/>
  </si>
  <si>
    <t>繰出金</t>
    <rPh sb="0" eb="2">
      <t>クリダシ</t>
    </rPh>
    <rPh sb="2" eb="3">
      <t>キン</t>
    </rPh>
    <phoneticPr fontId="3"/>
  </si>
  <si>
    <t>歳出合計</t>
    <rPh sb="0" eb="2">
      <t>サイシュツ</t>
    </rPh>
    <rPh sb="2" eb="4">
      <t>ゴウケイ</t>
    </rPh>
    <phoneticPr fontId="3"/>
  </si>
  <si>
    <t>退職金</t>
    <rPh sb="0" eb="3">
      <t>タイショクキン</t>
    </rPh>
    <phoneticPr fontId="1"/>
  </si>
  <si>
    <t>対するもの</t>
  </si>
  <si>
    <t>負担金</t>
  </si>
  <si>
    <t>左の内訳</t>
    <phoneticPr fontId="1"/>
  </si>
  <si>
    <t>同級他団体に</t>
    <rPh sb="0" eb="2">
      <t>ドウキュウ</t>
    </rPh>
    <rPh sb="2" eb="5">
      <t>タダンタイ</t>
    </rPh>
    <phoneticPr fontId="3"/>
  </si>
  <si>
    <t>出資金</t>
    <phoneticPr fontId="1"/>
  </si>
  <si>
    <t>負担金</t>
    <phoneticPr fontId="1"/>
  </si>
  <si>
    <t>水産業費</t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川崎市</t>
    <phoneticPr fontId="1"/>
  </si>
  <si>
    <t>相模原市</t>
    <phoneticPr fontId="1"/>
  </si>
  <si>
    <t>小田原市</t>
    <phoneticPr fontId="1"/>
  </si>
  <si>
    <t>厚木市</t>
    <phoneticPr fontId="1"/>
  </si>
  <si>
    <t>座間市</t>
    <phoneticPr fontId="1"/>
  </si>
  <si>
    <t>二宮町</t>
    <phoneticPr fontId="1"/>
  </si>
  <si>
    <t>大井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1" xfId="0" applyNumberFormat="1" applyFont="1" applyBorder="1" applyAlignment="1">
      <alignment horizontal="center" vertical="center" shrinkToFit="1"/>
    </xf>
    <xf numFmtId="0" fontId="4" fillId="0" borderId="2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 shrinkToFit="1"/>
    </xf>
    <xf numFmtId="0" fontId="4" fillId="0" borderId="0" xfId="0" applyNumberFormat="1" applyFont="1" applyBorder="1" applyAlignment="1">
      <alignment horizontal="center"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8" xfId="0" applyNumberFormat="1" applyFont="1" applyBorder="1" applyAlignment="1">
      <alignment horizontal="center" vertical="center" shrinkToFit="1"/>
    </xf>
    <xf numFmtId="0" fontId="4" fillId="0" borderId="9" xfId="0" applyNumberFormat="1" applyFont="1" applyBorder="1" applyAlignment="1">
      <alignment horizontal="center" vertical="center" shrinkToFit="1"/>
    </xf>
    <xf numFmtId="0" fontId="4" fillId="0" borderId="7" xfId="0" applyNumberFormat="1" applyFont="1" applyBorder="1" applyAlignment="1">
      <alignment horizontal="centerContinuous" vertical="center" shrinkToFit="1"/>
    </xf>
    <xf numFmtId="0" fontId="4" fillId="0" borderId="3" xfId="0" applyNumberFormat="1" applyFont="1" applyBorder="1" applyAlignment="1">
      <alignment horizontal="centerContinuous" vertical="center" shrinkToFit="1"/>
    </xf>
    <xf numFmtId="176" fontId="4" fillId="0" borderId="4" xfId="0" applyNumberFormat="1" applyFont="1" applyBorder="1" applyAlignment="1">
      <alignment vertical="center" shrinkToFit="1"/>
    </xf>
    <xf numFmtId="176" fontId="4" fillId="0" borderId="5" xfId="0" applyNumberFormat="1" applyFont="1" applyBorder="1" applyAlignment="1">
      <alignment vertical="center" shrinkToFit="1"/>
    </xf>
    <xf numFmtId="176" fontId="4" fillId="0" borderId="6" xfId="0" applyNumberFormat="1" applyFont="1" applyBorder="1" applyAlignment="1">
      <alignment vertical="center" shrinkToFit="1"/>
    </xf>
    <xf numFmtId="176" fontId="4" fillId="2" borderId="7" xfId="0" applyNumberFormat="1" applyFont="1" applyFill="1" applyBorder="1" applyAlignment="1">
      <alignment vertical="center" shrinkToFit="1"/>
    </xf>
    <xf numFmtId="0" fontId="4" fillId="0" borderId="10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P39"/>
  <sheetViews>
    <sheetView tabSelected="1" view="pageBreakPreview" zoomScaleNormal="100" zoomScaleSheetLayoutView="100" workbookViewId="0">
      <selection activeCell="A2" sqref="A2"/>
    </sheetView>
  </sheetViews>
  <sheetFormatPr defaultColWidth="9.19921875" defaultRowHeight="10.8"/>
  <cols>
    <col min="1" max="1" width="14.09765625" style="8" customWidth="1"/>
    <col min="2" max="3" width="9.19921875" style="8" customWidth="1"/>
    <col min="4" max="16384" width="9.19921875" style="9"/>
  </cols>
  <sheetData>
    <row r="1" spans="1:16" s="10" customFormat="1" ht="17.25" customHeight="1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1:16" s="10" customFormat="1" ht="17.25" customHeight="1">
      <c r="A2" s="2"/>
      <c r="B2" s="2"/>
      <c r="C2" s="2"/>
      <c r="D2" s="2"/>
      <c r="E2" s="2"/>
      <c r="F2" s="2"/>
      <c r="G2" s="2" t="s">
        <v>0</v>
      </c>
      <c r="H2" s="2"/>
      <c r="I2" s="2"/>
      <c r="J2" s="2"/>
      <c r="K2" s="2"/>
      <c r="L2" s="2"/>
      <c r="M2" s="2"/>
      <c r="N2" s="2"/>
      <c r="O2" s="2" t="s">
        <v>1</v>
      </c>
      <c r="P2" s="2"/>
    </row>
    <row r="3" spans="1:16" s="10" customFormat="1" ht="17.25" customHeight="1">
      <c r="A3" s="2"/>
      <c r="B3" s="2" t="s">
        <v>2</v>
      </c>
      <c r="C3" s="2" t="s">
        <v>3</v>
      </c>
      <c r="D3" s="2" t="s">
        <v>4</v>
      </c>
      <c r="E3" s="2" t="s">
        <v>5</v>
      </c>
      <c r="F3" s="2" t="s">
        <v>6</v>
      </c>
      <c r="G3" s="2" t="s">
        <v>52</v>
      </c>
      <c r="H3" s="2" t="s">
        <v>7</v>
      </c>
      <c r="I3" s="2" t="s">
        <v>8</v>
      </c>
      <c r="J3" s="2" t="s">
        <v>9</v>
      </c>
      <c r="K3" s="2" t="s">
        <v>10</v>
      </c>
      <c r="L3" s="2" t="s">
        <v>11</v>
      </c>
      <c r="M3" s="2" t="s">
        <v>12</v>
      </c>
      <c r="N3" s="2" t="s">
        <v>13</v>
      </c>
      <c r="O3" s="2" t="s">
        <v>14</v>
      </c>
      <c r="P3" s="2" t="s">
        <v>15</v>
      </c>
    </row>
    <row r="4" spans="1:16" s="10" customFormat="1" ht="17.25" customHeight="1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1:16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</row>
    <row r="6" spans="1:16" ht="17.25" customHeight="1">
      <c r="A6" s="4" t="s">
        <v>53</v>
      </c>
      <c r="B6" s="16">
        <v>2949211</v>
      </c>
      <c r="C6" s="16">
        <v>115881247</v>
      </c>
      <c r="D6" s="16">
        <v>767666926</v>
      </c>
      <c r="E6" s="16">
        <v>172345354</v>
      </c>
      <c r="F6" s="16">
        <v>1780886</v>
      </c>
      <c r="G6" s="16">
        <v>1758152</v>
      </c>
      <c r="H6" s="16">
        <v>213200866</v>
      </c>
      <c r="I6" s="16">
        <v>356094134</v>
      </c>
      <c r="J6" s="16">
        <v>42547661</v>
      </c>
      <c r="K6" s="16">
        <v>319517391</v>
      </c>
      <c r="L6" s="16">
        <v>0</v>
      </c>
      <c r="M6" s="16">
        <v>194718493</v>
      </c>
      <c r="N6" s="16">
        <v>14182107</v>
      </c>
      <c r="O6" s="16">
        <v>0</v>
      </c>
      <c r="P6" s="16">
        <v>2202642428</v>
      </c>
    </row>
    <row r="7" spans="1:16" s="11" customFormat="1" ht="17.25" customHeight="1">
      <c r="A7" s="5" t="s">
        <v>54</v>
      </c>
      <c r="B7" s="17">
        <v>1731274</v>
      </c>
      <c r="C7" s="17">
        <v>54114548</v>
      </c>
      <c r="D7" s="17">
        <v>303222043</v>
      </c>
      <c r="E7" s="17">
        <v>97678993</v>
      </c>
      <c r="F7" s="17">
        <v>855862</v>
      </c>
      <c r="G7" s="17">
        <v>482265</v>
      </c>
      <c r="H7" s="17">
        <v>33722942</v>
      </c>
      <c r="I7" s="17">
        <v>80537183</v>
      </c>
      <c r="J7" s="17">
        <v>18305965</v>
      </c>
      <c r="K7" s="17">
        <v>124392914</v>
      </c>
      <c r="L7" s="17">
        <v>591867</v>
      </c>
      <c r="M7" s="17">
        <v>70367959</v>
      </c>
      <c r="N7" s="17">
        <v>991994</v>
      </c>
      <c r="O7" s="17">
        <v>0</v>
      </c>
      <c r="P7" s="17">
        <v>786995809</v>
      </c>
    </row>
    <row r="8" spans="1:16" ht="17.25" customHeight="1">
      <c r="A8" s="20" t="s">
        <v>55</v>
      </c>
      <c r="B8" s="21">
        <v>925999</v>
      </c>
      <c r="C8" s="21">
        <v>22291565</v>
      </c>
      <c r="D8" s="21">
        <v>141307827</v>
      </c>
      <c r="E8" s="21">
        <v>32844807</v>
      </c>
      <c r="F8" s="21">
        <v>454678</v>
      </c>
      <c r="G8" s="21">
        <v>729478</v>
      </c>
      <c r="H8" s="21">
        <v>9123166</v>
      </c>
      <c r="I8" s="21">
        <v>23757714</v>
      </c>
      <c r="J8" s="21">
        <v>8378524</v>
      </c>
      <c r="K8" s="21">
        <v>48988348</v>
      </c>
      <c r="L8" s="21">
        <v>1369584</v>
      </c>
      <c r="M8" s="21">
        <v>27356472</v>
      </c>
      <c r="N8" s="21">
        <v>0</v>
      </c>
      <c r="O8" s="21">
        <v>0</v>
      </c>
      <c r="P8" s="17">
        <v>317528162</v>
      </c>
    </row>
    <row r="9" spans="1:16" ht="17.25" customHeight="1">
      <c r="A9" s="5" t="s">
        <v>56</v>
      </c>
      <c r="B9" s="17">
        <v>787186</v>
      </c>
      <c r="C9" s="17">
        <v>18237914</v>
      </c>
      <c r="D9" s="17">
        <v>68991605</v>
      </c>
      <c r="E9" s="17">
        <v>18402846</v>
      </c>
      <c r="F9" s="17">
        <v>217297</v>
      </c>
      <c r="G9" s="17">
        <v>1136996</v>
      </c>
      <c r="H9" s="17">
        <v>3453914</v>
      </c>
      <c r="I9" s="17">
        <v>16920366</v>
      </c>
      <c r="J9" s="17">
        <v>5453502</v>
      </c>
      <c r="K9" s="17">
        <v>24669436</v>
      </c>
      <c r="L9" s="17">
        <v>169373</v>
      </c>
      <c r="M9" s="17">
        <v>16311226</v>
      </c>
      <c r="N9" s="17">
        <v>0</v>
      </c>
      <c r="O9" s="17">
        <v>0</v>
      </c>
      <c r="P9" s="17">
        <v>174751661</v>
      </c>
    </row>
    <row r="10" spans="1:16" s="11" customFormat="1" ht="17.25" customHeight="1">
      <c r="A10" s="5" t="s">
        <v>57</v>
      </c>
      <c r="B10" s="17">
        <v>399413</v>
      </c>
      <c r="C10" s="17">
        <v>8100010</v>
      </c>
      <c r="D10" s="17">
        <v>44810522</v>
      </c>
      <c r="E10" s="17">
        <v>8877887</v>
      </c>
      <c r="F10" s="17">
        <v>328087</v>
      </c>
      <c r="G10" s="17">
        <v>846043</v>
      </c>
      <c r="H10" s="17">
        <v>2608473</v>
      </c>
      <c r="I10" s="17">
        <v>13238311</v>
      </c>
      <c r="J10" s="17">
        <v>3512338</v>
      </c>
      <c r="K10" s="17">
        <v>13409707</v>
      </c>
      <c r="L10" s="17">
        <v>0</v>
      </c>
      <c r="M10" s="17">
        <v>5818564</v>
      </c>
      <c r="N10" s="17">
        <v>1570</v>
      </c>
      <c r="O10" s="17">
        <v>0</v>
      </c>
      <c r="P10" s="17">
        <v>101950925</v>
      </c>
    </row>
    <row r="11" spans="1:16" s="11" customFormat="1" ht="17.25" customHeight="1">
      <c r="A11" s="5" t="s">
        <v>58</v>
      </c>
      <c r="B11" s="17">
        <v>401978</v>
      </c>
      <c r="C11" s="17">
        <v>8605591</v>
      </c>
      <c r="D11" s="17">
        <v>27565056</v>
      </c>
      <c r="E11" s="17">
        <v>6985747</v>
      </c>
      <c r="F11" s="17">
        <v>77701</v>
      </c>
      <c r="G11" s="17">
        <v>111776</v>
      </c>
      <c r="H11" s="17">
        <v>933060</v>
      </c>
      <c r="I11" s="17">
        <v>6596162</v>
      </c>
      <c r="J11" s="17">
        <v>2646045</v>
      </c>
      <c r="K11" s="17">
        <v>6739102</v>
      </c>
      <c r="L11" s="17">
        <v>56068</v>
      </c>
      <c r="M11" s="17">
        <v>4230131</v>
      </c>
      <c r="N11" s="17">
        <v>0</v>
      </c>
      <c r="O11" s="17">
        <v>0</v>
      </c>
      <c r="P11" s="17">
        <v>64948417</v>
      </c>
    </row>
    <row r="12" spans="1:16" s="11" customFormat="1" ht="17.25" customHeight="1">
      <c r="A12" s="5" t="s">
        <v>59</v>
      </c>
      <c r="B12" s="17">
        <v>654847</v>
      </c>
      <c r="C12" s="17">
        <v>20256771</v>
      </c>
      <c r="D12" s="17">
        <v>77450652</v>
      </c>
      <c r="E12" s="17">
        <v>26065569</v>
      </c>
      <c r="F12" s="17">
        <v>425957</v>
      </c>
      <c r="G12" s="17">
        <v>558282</v>
      </c>
      <c r="H12" s="17">
        <v>2787534</v>
      </c>
      <c r="I12" s="17">
        <v>16963802</v>
      </c>
      <c r="J12" s="17">
        <v>5742142</v>
      </c>
      <c r="K12" s="17">
        <v>16769429</v>
      </c>
      <c r="L12" s="17">
        <v>0</v>
      </c>
      <c r="M12" s="17">
        <v>9464311</v>
      </c>
      <c r="N12" s="17">
        <v>0</v>
      </c>
      <c r="O12" s="17">
        <v>0</v>
      </c>
      <c r="P12" s="17">
        <v>177139296</v>
      </c>
    </row>
    <row r="13" spans="1:16" s="11" customFormat="1" ht="17.25" customHeight="1">
      <c r="A13" s="5" t="s">
        <v>60</v>
      </c>
      <c r="B13" s="17">
        <v>427036</v>
      </c>
      <c r="C13" s="17">
        <v>9794460</v>
      </c>
      <c r="D13" s="17">
        <v>33613013</v>
      </c>
      <c r="E13" s="17">
        <v>8382321</v>
      </c>
      <c r="F13" s="17">
        <v>141548</v>
      </c>
      <c r="G13" s="17">
        <v>991126</v>
      </c>
      <c r="H13" s="17">
        <v>1971191</v>
      </c>
      <c r="I13" s="17">
        <v>6839705</v>
      </c>
      <c r="J13" s="17">
        <v>4114046</v>
      </c>
      <c r="K13" s="17">
        <v>7920371</v>
      </c>
      <c r="L13" s="17">
        <v>37604</v>
      </c>
      <c r="M13" s="17">
        <v>4843880</v>
      </c>
      <c r="N13" s="17">
        <v>0</v>
      </c>
      <c r="O13" s="17">
        <v>0</v>
      </c>
      <c r="P13" s="17">
        <v>79076301</v>
      </c>
    </row>
    <row r="14" spans="1:16" s="11" customFormat="1" ht="17.25" customHeight="1">
      <c r="A14" s="5" t="s">
        <v>61</v>
      </c>
      <c r="B14" s="17">
        <v>392632</v>
      </c>
      <c r="C14" s="17">
        <v>9523843</v>
      </c>
      <c r="D14" s="17">
        <v>36933395</v>
      </c>
      <c r="E14" s="17">
        <v>11500522</v>
      </c>
      <c r="F14" s="17">
        <v>258822</v>
      </c>
      <c r="G14" s="17">
        <v>307947</v>
      </c>
      <c r="H14" s="17">
        <v>2387406</v>
      </c>
      <c r="I14" s="17">
        <v>6127148</v>
      </c>
      <c r="J14" s="17">
        <v>2662462</v>
      </c>
      <c r="K14" s="17">
        <v>7945152</v>
      </c>
      <c r="L14" s="17">
        <v>1552</v>
      </c>
      <c r="M14" s="17">
        <v>5271508</v>
      </c>
      <c r="N14" s="17">
        <v>0</v>
      </c>
      <c r="O14" s="17">
        <v>0</v>
      </c>
      <c r="P14" s="17">
        <v>83312389</v>
      </c>
    </row>
    <row r="15" spans="1:16" s="11" customFormat="1" ht="17.25" customHeight="1">
      <c r="A15" s="5" t="s">
        <v>62</v>
      </c>
      <c r="B15" s="17">
        <v>220155</v>
      </c>
      <c r="C15" s="17">
        <v>4905102</v>
      </c>
      <c r="D15" s="17">
        <v>8931767</v>
      </c>
      <c r="E15" s="17">
        <v>2463510</v>
      </c>
      <c r="F15" s="17">
        <v>38042</v>
      </c>
      <c r="G15" s="17">
        <v>26155</v>
      </c>
      <c r="H15" s="17">
        <v>231571</v>
      </c>
      <c r="I15" s="17">
        <v>1824044</v>
      </c>
      <c r="J15" s="17">
        <v>1072766</v>
      </c>
      <c r="K15" s="17">
        <v>2734591</v>
      </c>
      <c r="L15" s="17">
        <v>82819</v>
      </c>
      <c r="M15" s="17">
        <v>2027055</v>
      </c>
      <c r="N15" s="17">
        <v>0</v>
      </c>
      <c r="O15" s="17">
        <v>0</v>
      </c>
      <c r="P15" s="17">
        <v>24557577</v>
      </c>
    </row>
    <row r="16" spans="1:16" s="11" customFormat="1" ht="17.25" customHeight="1">
      <c r="A16" s="5" t="s">
        <v>63</v>
      </c>
      <c r="B16" s="17">
        <v>173225</v>
      </c>
      <c r="C16" s="17">
        <v>3361580</v>
      </c>
      <c r="D16" s="17">
        <v>7041074</v>
      </c>
      <c r="E16" s="17">
        <v>2506011</v>
      </c>
      <c r="F16" s="17">
        <v>24806</v>
      </c>
      <c r="G16" s="17">
        <v>341111</v>
      </c>
      <c r="H16" s="17">
        <v>459900</v>
      </c>
      <c r="I16" s="17">
        <v>1284921</v>
      </c>
      <c r="J16" s="17">
        <v>822565</v>
      </c>
      <c r="K16" s="17">
        <v>1180444</v>
      </c>
      <c r="L16" s="17">
        <v>13476</v>
      </c>
      <c r="M16" s="17">
        <v>1910704</v>
      </c>
      <c r="N16" s="17">
        <v>0</v>
      </c>
      <c r="O16" s="17">
        <v>0</v>
      </c>
      <c r="P16" s="17">
        <v>19119817</v>
      </c>
    </row>
    <row r="17" spans="1:16" s="11" customFormat="1" ht="17.25" customHeight="1">
      <c r="A17" s="5" t="s">
        <v>64</v>
      </c>
      <c r="B17" s="17">
        <v>320207</v>
      </c>
      <c r="C17" s="17">
        <v>5496202</v>
      </c>
      <c r="D17" s="17">
        <v>26618189</v>
      </c>
      <c r="E17" s="17">
        <v>5616888</v>
      </c>
      <c r="F17" s="17">
        <v>108223</v>
      </c>
      <c r="G17" s="17">
        <v>455816</v>
      </c>
      <c r="H17" s="17">
        <v>1431608</v>
      </c>
      <c r="I17" s="17">
        <v>5631138</v>
      </c>
      <c r="J17" s="17">
        <v>2058092</v>
      </c>
      <c r="K17" s="17">
        <v>5379039</v>
      </c>
      <c r="L17" s="17">
        <v>0</v>
      </c>
      <c r="M17" s="17">
        <v>3443998</v>
      </c>
      <c r="N17" s="17">
        <v>0</v>
      </c>
      <c r="O17" s="17">
        <v>0</v>
      </c>
      <c r="P17" s="17">
        <v>56559400</v>
      </c>
    </row>
    <row r="18" spans="1:16" s="11" customFormat="1" ht="17.25" customHeight="1">
      <c r="A18" s="5" t="s">
        <v>65</v>
      </c>
      <c r="B18" s="17">
        <v>427779</v>
      </c>
      <c r="C18" s="17">
        <v>12190393</v>
      </c>
      <c r="D18" s="17">
        <v>38755159</v>
      </c>
      <c r="E18" s="17">
        <v>11829376</v>
      </c>
      <c r="F18" s="17">
        <v>206838</v>
      </c>
      <c r="G18" s="17">
        <v>661328</v>
      </c>
      <c r="H18" s="17">
        <v>3979934</v>
      </c>
      <c r="I18" s="17">
        <v>11739187</v>
      </c>
      <c r="J18" s="17">
        <v>3900841</v>
      </c>
      <c r="K18" s="17">
        <v>8983941</v>
      </c>
      <c r="L18" s="17">
        <v>0</v>
      </c>
      <c r="M18" s="17">
        <v>6044326</v>
      </c>
      <c r="N18" s="17">
        <v>0</v>
      </c>
      <c r="O18" s="17">
        <v>0</v>
      </c>
      <c r="P18" s="17">
        <v>98719102</v>
      </c>
    </row>
    <row r="19" spans="1:16" s="11" customFormat="1" ht="17.25" customHeight="1">
      <c r="A19" s="5" t="s">
        <v>66</v>
      </c>
      <c r="B19" s="17">
        <v>378685</v>
      </c>
      <c r="C19" s="17">
        <v>7146886</v>
      </c>
      <c r="D19" s="17">
        <v>43094236</v>
      </c>
      <c r="E19" s="17">
        <v>11828364</v>
      </c>
      <c r="F19" s="17">
        <v>209052</v>
      </c>
      <c r="G19" s="17">
        <v>100760</v>
      </c>
      <c r="H19" s="17">
        <v>1613618</v>
      </c>
      <c r="I19" s="17">
        <v>4899204</v>
      </c>
      <c r="J19" s="17">
        <v>2784662</v>
      </c>
      <c r="K19" s="17">
        <v>10831497</v>
      </c>
      <c r="L19" s="17">
        <v>0</v>
      </c>
      <c r="M19" s="17">
        <v>5235220</v>
      </c>
      <c r="N19" s="17">
        <v>0</v>
      </c>
      <c r="O19" s="17">
        <v>0</v>
      </c>
      <c r="P19" s="17">
        <v>88122184</v>
      </c>
    </row>
    <row r="20" spans="1:16" s="11" customFormat="1" ht="17.25" customHeight="1">
      <c r="A20" s="5" t="s">
        <v>67</v>
      </c>
      <c r="B20" s="17">
        <v>260735</v>
      </c>
      <c r="C20" s="17">
        <v>3866390</v>
      </c>
      <c r="D20" s="17">
        <v>16358570</v>
      </c>
      <c r="E20" s="17">
        <v>3926357</v>
      </c>
      <c r="F20" s="17">
        <v>78739</v>
      </c>
      <c r="G20" s="17">
        <v>389771</v>
      </c>
      <c r="H20" s="17">
        <v>618064</v>
      </c>
      <c r="I20" s="17">
        <v>3208270</v>
      </c>
      <c r="J20" s="17">
        <v>1379280</v>
      </c>
      <c r="K20" s="17">
        <v>3192880</v>
      </c>
      <c r="L20" s="17">
        <v>22505</v>
      </c>
      <c r="M20" s="17">
        <v>2799931</v>
      </c>
      <c r="N20" s="17">
        <v>0</v>
      </c>
      <c r="O20" s="17">
        <v>0</v>
      </c>
      <c r="P20" s="17">
        <v>36101492</v>
      </c>
    </row>
    <row r="21" spans="1:16" s="11" customFormat="1" ht="17.25" customHeight="1">
      <c r="A21" s="5" t="s">
        <v>68</v>
      </c>
      <c r="B21" s="17">
        <v>281515</v>
      </c>
      <c r="C21" s="17">
        <v>8181523</v>
      </c>
      <c r="D21" s="17">
        <v>21380289</v>
      </c>
      <c r="E21" s="17">
        <v>4817648</v>
      </c>
      <c r="F21" s="17">
        <v>143812</v>
      </c>
      <c r="G21" s="17">
        <v>284067</v>
      </c>
      <c r="H21" s="17">
        <v>3538243</v>
      </c>
      <c r="I21" s="17">
        <v>4629061</v>
      </c>
      <c r="J21" s="17">
        <v>1969893</v>
      </c>
      <c r="K21" s="17">
        <v>6316357</v>
      </c>
      <c r="L21" s="17">
        <v>0</v>
      </c>
      <c r="M21" s="17">
        <v>2869528</v>
      </c>
      <c r="N21" s="17">
        <v>0</v>
      </c>
      <c r="O21" s="17">
        <v>0</v>
      </c>
      <c r="P21" s="17">
        <v>54411936</v>
      </c>
    </row>
    <row r="22" spans="1:16" s="11" customFormat="1" ht="17.25" customHeight="1">
      <c r="A22" s="5" t="s">
        <v>69</v>
      </c>
      <c r="B22" s="17">
        <v>269580</v>
      </c>
      <c r="C22" s="17">
        <v>8727638</v>
      </c>
      <c r="D22" s="17">
        <v>23678167</v>
      </c>
      <c r="E22" s="17">
        <v>4628905</v>
      </c>
      <c r="F22" s="17">
        <v>80453</v>
      </c>
      <c r="G22" s="17">
        <v>70302</v>
      </c>
      <c r="H22" s="17">
        <v>454626</v>
      </c>
      <c r="I22" s="17">
        <v>2715894</v>
      </c>
      <c r="J22" s="17">
        <v>1727176</v>
      </c>
      <c r="K22" s="17">
        <v>3812194</v>
      </c>
      <c r="L22" s="17">
        <v>0</v>
      </c>
      <c r="M22" s="17">
        <v>2982249</v>
      </c>
      <c r="N22" s="17">
        <v>0</v>
      </c>
      <c r="O22" s="17">
        <v>0</v>
      </c>
      <c r="P22" s="17">
        <v>49147184</v>
      </c>
    </row>
    <row r="23" spans="1:16" s="11" customFormat="1" ht="17.25" customHeight="1">
      <c r="A23" s="5" t="s">
        <v>70</v>
      </c>
      <c r="B23" s="17">
        <v>167680</v>
      </c>
      <c r="C23" s="17">
        <v>6051662</v>
      </c>
      <c r="D23" s="17">
        <v>6413362</v>
      </c>
      <c r="E23" s="17">
        <v>1629421</v>
      </c>
      <c r="F23" s="17">
        <v>6761</v>
      </c>
      <c r="G23" s="17">
        <v>459804</v>
      </c>
      <c r="H23" s="17">
        <v>107779</v>
      </c>
      <c r="I23" s="17">
        <v>1013350</v>
      </c>
      <c r="J23" s="17">
        <v>726051</v>
      </c>
      <c r="K23" s="17">
        <v>1904630</v>
      </c>
      <c r="L23" s="17">
        <v>41674</v>
      </c>
      <c r="M23" s="17">
        <v>1315767</v>
      </c>
      <c r="N23" s="17">
        <v>0</v>
      </c>
      <c r="O23" s="17">
        <v>0</v>
      </c>
      <c r="P23" s="17">
        <v>19837941</v>
      </c>
    </row>
    <row r="24" spans="1:16" ht="17.25" customHeight="1">
      <c r="A24" s="20" t="s">
        <v>71</v>
      </c>
      <c r="B24" s="21">
        <v>262532</v>
      </c>
      <c r="C24" s="21">
        <v>5516348</v>
      </c>
      <c r="D24" s="21">
        <v>14049334</v>
      </c>
      <c r="E24" s="21">
        <v>3477891</v>
      </c>
      <c r="F24" s="21">
        <v>40565</v>
      </c>
      <c r="G24" s="21">
        <v>119986</v>
      </c>
      <c r="H24" s="21">
        <v>306917</v>
      </c>
      <c r="I24" s="21">
        <v>3457282</v>
      </c>
      <c r="J24" s="21">
        <v>1489758</v>
      </c>
      <c r="K24" s="21">
        <v>2639536</v>
      </c>
      <c r="L24" s="21">
        <v>0</v>
      </c>
      <c r="M24" s="21">
        <v>2001219</v>
      </c>
      <c r="N24" s="21">
        <v>0</v>
      </c>
      <c r="O24" s="17">
        <v>0</v>
      </c>
      <c r="P24" s="17">
        <v>33361368</v>
      </c>
    </row>
    <row r="25" spans="1:16" ht="17.25" customHeight="1">
      <c r="A25" s="5" t="s">
        <v>72</v>
      </c>
      <c r="B25" s="17">
        <v>165299</v>
      </c>
      <c r="C25" s="17">
        <v>1675718</v>
      </c>
      <c r="D25" s="17">
        <v>4366548</v>
      </c>
      <c r="E25" s="17">
        <v>1564474</v>
      </c>
      <c r="F25" s="17">
        <v>4895</v>
      </c>
      <c r="G25" s="17">
        <v>75604</v>
      </c>
      <c r="H25" s="17">
        <v>251494</v>
      </c>
      <c r="I25" s="17">
        <v>1994625</v>
      </c>
      <c r="J25" s="17">
        <v>558926</v>
      </c>
      <c r="K25" s="17">
        <v>857119</v>
      </c>
      <c r="L25" s="17">
        <v>6842</v>
      </c>
      <c r="M25" s="17">
        <v>522925</v>
      </c>
      <c r="N25" s="17">
        <v>0</v>
      </c>
      <c r="O25" s="17">
        <v>0</v>
      </c>
      <c r="P25" s="17">
        <v>12044469</v>
      </c>
    </row>
    <row r="26" spans="1:16" s="11" customFormat="1" ht="17.25" customHeight="1">
      <c r="A26" s="5" t="s">
        <v>73</v>
      </c>
      <c r="B26" s="17">
        <v>200927</v>
      </c>
      <c r="C26" s="17">
        <v>2589490</v>
      </c>
      <c r="D26" s="17">
        <v>7317698</v>
      </c>
      <c r="E26" s="17">
        <v>1980751</v>
      </c>
      <c r="F26" s="17">
        <v>39456</v>
      </c>
      <c r="G26" s="17">
        <v>140416</v>
      </c>
      <c r="H26" s="17">
        <v>302869</v>
      </c>
      <c r="I26" s="17">
        <v>1544904</v>
      </c>
      <c r="J26" s="17">
        <v>647950</v>
      </c>
      <c r="K26" s="17">
        <v>1504332</v>
      </c>
      <c r="L26" s="17">
        <v>0</v>
      </c>
      <c r="M26" s="17">
        <v>1100444</v>
      </c>
      <c r="N26" s="17">
        <v>0</v>
      </c>
      <c r="O26" s="17">
        <v>0</v>
      </c>
      <c r="P26" s="17">
        <v>17369237</v>
      </c>
    </row>
    <row r="27" spans="1:16" s="11" customFormat="1" ht="17.25" customHeight="1">
      <c r="A27" s="5" t="s">
        <v>74</v>
      </c>
      <c r="B27" s="17">
        <v>138106</v>
      </c>
      <c r="C27" s="17">
        <v>2345015</v>
      </c>
      <c r="D27" s="17">
        <v>4038522</v>
      </c>
      <c r="E27" s="17">
        <v>1292168</v>
      </c>
      <c r="F27" s="17">
        <v>11012</v>
      </c>
      <c r="G27" s="17">
        <v>98679</v>
      </c>
      <c r="H27" s="17">
        <v>99090</v>
      </c>
      <c r="I27" s="17">
        <v>2203130</v>
      </c>
      <c r="J27" s="17">
        <v>531863</v>
      </c>
      <c r="K27" s="17">
        <v>1054302</v>
      </c>
      <c r="L27" s="17">
        <v>0</v>
      </c>
      <c r="M27" s="17">
        <v>732923</v>
      </c>
      <c r="N27" s="17">
        <v>0</v>
      </c>
      <c r="O27" s="17">
        <v>0</v>
      </c>
      <c r="P27" s="17">
        <v>12544810</v>
      </c>
    </row>
    <row r="28" spans="1:16" s="11" customFormat="1" ht="17.25" customHeight="1">
      <c r="A28" s="5" t="s">
        <v>75</v>
      </c>
      <c r="B28" s="17">
        <v>121372</v>
      </c>
      <c r="C28" s="17">
        <v>1506957</v>
      </c>
      <c r="D28" s="17">
        <v>3576421</v>
      </c>
      <c r="E28" s="17">
        <v>1028503</v>
      </c>
      <c r="F28" s="17">
        <v>6242</v>
      </c>
      <c r="G28" s="17">
        <v>104674</v>
      </c>
      <c r="H28" s="17">
        <v>177187</v>
      </c>
      <c r="I28" s="17">
        <v>1013715</v>
      </c>
      <c r="J28" s="17">
        <v>469018</v>
      </c>
      <c r="K28" s="17">
        <v>990045</v>
      </c>
      <c r="L28" s="17">
        <v>0</v>
      </c>
      <c r="M28" s="17">
        <v>653364</v>
      </c>
      <c r="N28" s="17">
        <v>0</v>
      </c>
      <c r="O28" s="17">
        <v>0</v>
      </c>
      <c r="P28" s="17">
        <v>9647498</v>
      </c>
    </row>
    <row r="29" spans="1:16" s="11" customFormat="1" ht="17.25" customHeight="1">
      <c r="A29" s="5" t="s">
        <v>76</v>
      </c>
      <c r="B29" s="17">
        <v>90266</v>
      </c>
      <c r="C29" s="17">
        <v>769600</v>
      </c>
      <c r="D29" s="17">
        <v>1245984</v>
      </c>
      <c r="E29" s="17">
        <v>386098</v>
      </c>
      <c r="F29" s="17">
        <v>0</v>
      </c>
      <c r="G29" s="17">
        <v>228629</v>
      </c>
      <c r="H29" s="17">
        <v>109483</v>
      </c>
      <c r="I29" s="17">
        <v>752755</v>
      </c>
      <c r="J29" s="17">
        <v>201569</v>
      </c>
      <c r="K29" s="17">
        <v>400784</v>
      </c>
      <c r="L29" s="17">
        <v>0</v>
      </c>
      <c r="M29" s="17">
        <v>78793</v>
      </c>
      <c r="N29" s="17">
        <v>0</v>
      </c>
      <c r="O29" s="17">
        <v>0</v>
      </c>
      <c r="P29" s="17">
        <v>4263961</v>
      </c>
    </row>
    <row r="30" spans="1:16" s="11" customFormat="1" ht="17.25" customHeight="1">
      <c r="A30" s="5" t="s">
        <v>77</v>
      </c>
      <c r="B30" s="17">
        <v>99451</v>
      </c>
      <c r="C30" s="17">
        <v>1062069</v>
      </c>
      <c r="D30" s="17">
        <v>2051882</v>
      </c>
      <c r="E30" s="17">
        <v>667069</v>
      </c>
      <c r="F30" s="17">
        <v>10961</v>
      </c>
      <c r="G30" s="17">
        <v>120550</v>
      </c>
      <c r="H30" s="17">
        <v>36881</v>
      </c>
      <c r="I30" s="17">
        <v>846331</v>
      </c>
      <c r="J30" s="17">
        <v>512225</v>
      </c>
      <c r="K30" s="17">
        <v>721071</v>
      </c>
      <c r="L30" s="17">
        <v>9648</v>
      </c>
      <c r="M30" s="17">
        <v>197398</v>
      </c>
      <c r="N30" s="17">
        <v>0</v>
      </c>
      <c r="O30" s="17">
        <v>0</v>
      </c>
      <c r="P30" s="17">
        <v>6335536</v>
      </c>
    </row>
    <row r="31" spans="1:16" s="11" customFormat="1" ht="17.25" customHeight="1">
      <c r="A31" s="5" t="s">
        <v>78</v>
      </c>
      <c r="B31" s="17">
        <v>78058</v>
      </c>
      <c r="C31" s="17">
        <v>911246</v>
      </c>
      <c r="D31" s="17">
        <v>1475714</v>
      </c>
      <c r="E31" s="17">
        <v>433240</v>
      </c>
      <c r="F31" s="17">
        <v>6111</v>
      </c>
      <c r="G31" s="17">
        <v>98542</v>
      </c>
      <c r="H31" s="17">
        <v>105681</v>
      </c>
      <c r="I31" s="17">
        <v>352217</v>
      </c>
      <c r="J31" s="17">
        <v>248260</v>
      </c>
      <c r="K31" s="17">
        <v>2504539</v>
      </c>
      <c r="L31" s="17">
        <v>4309</v>
      </c>
      <c r="M31" s="17">
        <v>399590</v>
      </c>
      <c r="N31" s="17">
        <v>0</v>
      </c>
      <c r="O31" s="17">
        <v>0</v>
      </c>
      <c r="P31" s="17">
        <v>6617507</v>
      </c>
    </row>
    <row r="32" spans="1:16" s="11" customFormat="1" ht="17.25" customHeight="1">
      <c r="A32" s="5" t="s">
        <v>79</v>
      </c>
      <c r="B32" s="17">
        <v>98132</v>
      </c>
      <c r="C32" s="17">
        <v>1870055</v>
      </c>
      <c r="D32" s="17">
        <v>1535426</v>
      </c>
      <c r="E32" s="17">
        <v>653195</v>
      </c>
      <c r="F32" s="17">
        <v>0</v>
      </c>
      <c r="G32" s="17">
        <v>150613</v>
      </c>
      <c r="H32" s="17">
        <v>300562</v>
      </c>
      <c r="I32" s="17">
        <v>516663</v>
      </c>
      <c r="J32" s="17">
        <v>262474</v>
      </c>
      <c r="K32" s="17">
        <v>498804</v>
      </c>
      <c r="L32" s="17">
        <v>235308</v>
      </c>
      <c r="M32" s="17">
        <v>448976</v>
      </c>
      <c r="N32" s="17">
        <v>0</v>
      </c>
      <c r="O32" s="17">
        <v>0</v>
      </c>
      <c r="P32" s="17">
        <v>6570208</v>
      </c>
    </row>
    <row r="33" spans="1:16" s="11" customFormat="1" ht="17.25" customHeight="1">
      <c r="A33" s="5" t="s">
        <v>80</v>
      </c>
      <c r="B33" s="17">
        <v>95420</v>
      </c>
      <c r="C33" s="17">
        <v>1985379</v>
      </c>
      <c r="D33" s="17">
        <v>2626926</v>
      </c>
      <c r="E33" s="17">
        <v>692419</v>
      </c>
      <c r="F33" s="17">
        <v>0</v>
      </c>
      <c r="G33" s="17">
        <v>45542</v>
      </c>
      <c r="H33" s="17">
        <v>111242</v>
      </c>
      <c r="I33" s="17">
        <v>431172</v>
      </c>
      <c r="J33" s="17">
        <v>321153</v>
      </c>
      <c r="K33" s="17">
        <v>942224</v>
      </c>
      <c r="L33" s="17">
        <v>0</v>
      </c>
      <c r="M33" s="17">
        <v>471258</v>
      </c>
      <c r="N33" s="17">
        <v>0</v>
      </c>
      <c r="O33" s="17">
        <v>0</v>
      </c>
      <c r="P33" s="17">
        <v>7722735</v>
      </c>
    </row>
    <row r="34" spans="1:16" s="11" customFormat="1" ht="17.25" customHeight="1">
      <c r="A34" s="5" t="s">
        <v>81</v>
      </c>
      <c r="B34" s="17">
        <v>116326</v>
      </c>
      <c r="C34" s="17">
        <v>2897738</v>
      </c>
      <c r="D34" s="17">
        <v>1706184</v>
      </c>
      <c r="E34" s="17">
        <v>1459408</v>
      </c>
      <c r="F34" s="17">
        <v>1300</v>
      </c>
      <c r="G34" s="17">
        <v>115056</v>
      </c>
      <c r="H34" s="17">
        <v>1087287</v>
      </c>
      <c r="I34" s="17">
        <v>764586</v>
      </c>
      <c r="J34" s="17">
        <v>1008819</v>
      </c>
      <c r="K34" s="17">
        <v>1007961</v>
      </c>
      <c r="L34" s="17">
        <v>38313</v>
      </c>
      <c r="M34" s="17">
        <v>1080889</v>
      </c>
      <c r="N34" s="17">
        <v>0</v>
      </c>
      <c r="O34" s="17">
        <v>0</v>
      </c>
      <c r="P34" s="17">
        <v>11283867</v>
      </c>
    </row>
    <row r="35" spans="1:16" s="11" customFormat="1" ht="17.25" customHeight="1">
      <c r="A35" s="5" t="s">
        <v>82</v>
      </c>
      <c r="B35" s="17">
        <v>70962</v>
      </c>
      <c r="C35" s="17">
        <v>902432</v>
      </c>
      <c r="D35" s="17">
        <v>1035617</v>
      </c>
      <c r="E35" s="17">
        <v>676309</v>
      </c>
      <c r="F35" s="17">
        <v>0</v>
      </c>
      <c r="G35" s="17">
        <v>66473</v>
      </c>
      <c r="H35" s="17">
        <v>81906</v>
      </c>
      <c r="I35" s="17">
        <v>285080</v>
      </c>
      <c r="J35" s="17">
        <v>204461</v>
      </c>
      <c r="K35" s="17">
        <v>340749</v>
      </c>
      <c r="L35" s="17">
        <v>24251</v>
      </c>
      <c r="M35" s="17">
        <v>385443</v>
      </c>
      <c r="N35" s="17">
        <v>0</v>
      </c>
      <c r="O35" s="17">
        <v>0</v>
      </c>
      <c r="P35" s="17">
        <v>4073683</v>
      </c>
    </row>
    <row r="36" spans="1:16" s="11" customFormat="1" ht="17.25" customHeight="1">
      <c r="A36" s="5" t="s">
        <v>83</v>
      </c>
      <c r="B36" s="17">
        <v>119009</v>
      </c>
      <c r="C36" s="17">
        <v>1958352</v>
      </c>
      <c r="D36" s="17">
        <v>3237555</v>
      </c>
      <c r="E36" s="17">
        <v>1442088</v>
      </c>
      <c r="F36" s="17">
        <v>915</v>
      </c>
      <c r="G36" s="17">
        <v>112690</v>
      </c>
      <c r="H36" s="17">
        <v>351631</v>
      </c>
      <c r="I36" s="17">
        <v>606694</v>
      </c>
      <c r="J36" s="17">
        <v>847574</v>
      </c>
      <c r="K36" s="17">
        <v>741032</v>
      </c>
      <c r="L36" s="17">
        <v>70482</v>
      </c>
      <c r="M36" s="17">
        <v>739782</v>
      </c>
      <c r="N36" s="17">
        <v>0</v>
      </c>
      <c r="O36" s="17">
        <v>0</v>
      </c>
      <c r="P36" s="17">
        <v>10227804</v>
      </c>
    </row>
    <row r="37" spans="1:16" s="11" customFormat="1" ht="17.25" customHeight="1">
      <c r="A37" s="5" t="s">
        <v>84</v>
      </c>
      <c r="B37" s="17">
        <v>162280</v>
      </c>
      <c r="C37" s="17">
        <v>1736890</v>
      </c>
      <c r="D37" s="17">
        <v>5834896</v>
      </c>
      <c r="E37" s="17">
        <v>1862440</v>
      </c>
      <c r="F37" s="17">
        <v>144758</v>
      </c>
      <c r="G37" s="17">
        <v>149062</v>
      </c>
      <c r="H37" s="17">
        <v>219717</v>
      </c>
      <c r="I37" s="17">
        <v>1780154</v>
      </c>
      <c r="J37" s="17">
        <v>635553</v>
      </c>
      <c r="K37" s="17">
        <v>1484685</v>
      </c>
      <c r="L37" s="17">
        <v>1507</v>
      </c>
      <c r="M37" s="17">
        <v>736979</v>
      </c>
      <c r="N37" s="17">
        <v>0</v>
      </c>
      <c r="O37" s="17">
        <v>0</v>
      </c>
      <c r="P37" s="17">
        <v>14748921</v>
      </c>
    </row>
    <row r="38" spans="1:16" ht="17.25" customHeight="1">
      <c r="A38" s="6" t="s">
        <v>85</v>
      </c>
      <c r="B38" s="18">
        <v>68337</v>
      </c>
      <c r="C38" s="18">
        <v>646602</v>
      </c>
      <c r="D38" s="18">
        <v>486672</v>
      </c>
      <c r="E38" s="18">
        <v>235093</v>
      </c>
      <c r="F38" s="18">
        <v>0</v>
      </c>
      <c r="G38" s="18">
        <v>141694</v>
      </c>
      <c r="H38" s="18">
        <v>149085</v>
      </c>
      <c r="I38" s="18">
        <v>345496</v>
      </c>
      <c r="J38" s="18">
        <v>157922</v>
      </c>
      <c r="K38" s="18">
        <v>285362</v>
      </c>
      <c r="L38" s="18">
        <v>0</v>
      </c>
      <c r="M38" s="18">
        <v>36858</v>
      </c>
      <c r="N38" s="18">
        <v>0</v>
      </c>
      <c r="O38" s="17">
        <v>0</v>
      </c>
      <c r="P38" s="18">
        <v>2553121</v>
      </c>
    </row>
    <row r="39" spans="1:16" ht="17.25" customHeight="1">
      <c r="A39" s="7" t="s">
        <v>86</v>
      </c>
      <c r="B39" s="19">
        <v>13055614</v>
      </c>
      <c r="C39" s="19">
        <v>355107216</v>
      </c>
      <c r="D39" s="19">
        <v>1748417231</v>
      </c>
      <c r="E39" s="19">
        <v>450181672</v>
      </c>
      <c r="F39" s="19">
        <v>5703779</v>
      </c>
      <c r="G39" s="19">
        <v>11479389</v>
      </c>
      <c r="H39" s="19">
        <v>286314927</v>
      </c>
      <c r="I39" s="19">
        <v>580914398</v>
      </c>
      <c r="J39" s="19">
        <v>117901536</v>
      </c>
      <c r="K39" s="19">
        <v>630659968</v>
      </c>
      <c r="L39" s="19">
        <v>2777182</v>
      </c>
      <c r="M39" s="19">
        <v>376598163</v>
      </c>
      <c r="N39" s="19">
        <v>15175671</v>
      </c>
      <c r="O39" s="19">
        <v>0</v>
      </c>
      <c r="P39" s="19">
        <v>4594286746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３年度市町村普通会計決算状況
　（３）ア　歳出（目的別）［&amp;P/&amp;N］&amp;R&amp;"ＭＳ ゴシック,標準"&amp;10
（単位：千円）</oddHeader>
  </headerFooter>
  <colBreaks count="2" manualBreakCount="2">
    <brk id="8" max="43" man="1"/>
    <brk id="15" max="43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AM39"/>
  <sheetViews>
    <sheetView view="pageBreakPreview" zoomScale="85" zoomScaleNormal="100" zoomScaleSheetLayoutView="85" workbookViewId="0">
      <selection activeCell="F11" sqref="F11"/>
    </sheetView>
  </sheetViews>
  <sheetFormatPr defaultColWidth="9.19921875" defaultRowHeight="10.8"/>
  <cols>
    <col min="1" max="1" width="14.09765625" style="8" customWidth="1"/>
    <col min="2" max="16384" width="9.19921875" style="9"/>
  </cols>
  <sheetData>
    <row r="1" spans="1:39" s="10" customFormat="1" ht="17.25" customHeight="1">
      <c r="A1" s="1"/>
      <c r="B1" s="12"/>
      <c r="C1" s="13"/>
      <c r="D1" s="1"/>
      <c r="E1" s="1"/>
      <c r="F1" s="1"/>
      <c r="G1" s="1"/>
      <c r="H1" s="14" t="s">
        <v>48</v>
      </c>
      <c r="I1" s="14" t="s">
        <v>48</v>
      </c>
      <c r="J1" s="14"/>
      <c r="K1" s="14"/>
      <c r="L1" s="14"/>
      <c r="M1" s="1"/>
      <c r="N1" s="14" t="s">
        <v>16</v>
      </c>
      <c r="O1" s="14"/>
      <c r="P1" s="14" t="s">
        <v>16</v>
      </c>
      <c r="Q1" s="14"/>
      <c r="R1" s="14"/>
      <c r="S1" s="14"/>
      <c r="T1" s="14"/>
      <c r="U1" s="14"/>
      <c r="V1" s="1"/>
      <c r="W1" s="14" t="s">
        <v>16</v>
      </c>
      <c r="X1" s="14"/>
      <c r="Y1" s="14"/>
      <c r="Z1" s="14"/>
      <c r="AA1" s="14"/>
      <c r="AB1" s="14"/>
      <c r="AC1" s="14"/>
      <c r="AD1" s="1"/>
      <c r="AE1" s="14" t="s">
        <v>16</v>
      </c>
      <c r="AF1" s="14"/>
      <c r="AG1" s="1"/>
      <c r="AH1" s="1"/>
      <c r="AI1" s="1"/>
      <c r="AJ1" s="1"/>
      <c r="AK1" s="1"/>
      <c r="AL1" s="1"/>
      <c r="AM1" s="1"/>
    </row>
    <row r="2" spans="1:39" s="10" customFormat="1" ht="17.25" customHeigh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 t="s">
        <v>17</v>
      </c>
      <c r="N2" s="2"/>
      <c r="O2" s="2"/>
      <c r="P2" s="2"/>
      <c r="Q2" s="2"/>
      <c r="R2" s="2" t="s">
        <v>18</v>
      </c>
      <c r="S2" s="2"/>
      <c r="T2" s="15" t="s">
        <v>16</v>
      </c>
      <c r="U2" s="15"/>
      <c r="V2" s="2" t="s">
        <v>19</v>
      </c>
      <c r="W2" s="2"/>
      <c r="X2" s="2"/>
      <c r="Y2" s="2"/>
      <c r="Z2" s="2" t="s">
        <v>18</v>
      </c>
      <c r="AA2" s="2"/>
      <c r="AB2" s="15" t="s">
        <v>16</v>
      </c>
      <c r="AC2" s="15"/>
      <c r="AD2" s="2" t="s">
        <v>20</v>
      </c>
      <c r="AE2" s="2"/>
      <c r="AF2" s="1"/>
      <c r="AG2" s="2"/>
      <c r="AH2" s="2"/>
      <c r="AI2" s="2" t="s">
        <v>21</v>
      </c>
      <c r="AJ2" s="2"/>
      <c r="AK2" s="2"/>
      <c r="AL2" s="2" t="s">
        <v>22</v>
      </c>
      <c r="AM2" s="2"/>
    </row>
    <row r="3" spans="1:39" s="10" customFormat="1" ht="17.25" customHeight="1">
      <c r="A3" s="2"/>
      <c r="B3" s="2" t="s">
        <v>23</v>
      </c>
      <c r="C3" s="2" t="s">
        <v>24</v>
      </c>
      <c r="D3" s="2" t="s">
        <v>25</v>
      </c>
      <c r="E3" s="2" t="s">
        <v>26</v>
      </c>
      <c r="F3" s="2" t="s">
        <v>27</v>
      </c>
      <c r="G3" s="2" t="s">
        <v>28</v>
      </c>
      <c r="H3" s="2" t="s">
        <v>29</v>
      </c>
      <c r="I3" s="2" t="s">
        <v>30</v>
      </c>
      <c r="J3" s="2" t="s">
        <v>49</v>
      </c>
      <c r="K3" s="2" t="s">
        <v>31</v>
      </c>
      <c r="L3" s="2" t="s">
        <v>32</v>
      </c>
      <c r="M3" s="2" t="s">
        <v>33</v>
      </c>
      <c r="N3" s="2" t="s">
        <v>34</v>
      </c>
      <c r="O3" s="2" t="s">
        <v>35</v>
      </c>
      <c r="P3" s="2" t="s">
        <v>36</v>
      </c>
      <c r="Q3" s="2" t="s">
        <v>37</v>
      </c>
      <c r="R3" s="2" t="s">
        <v>38</v>
      </c>
      <c r="S3" s="2" t="s">
        <v>39</v>
      </c>
      <c r="T3" s="2"/>
      <c r="U3" s="2"/>
      <c r="V3" s="2" t="s">
        <v>33</v>
      </c>
      <c r="W3" s="2" t="s">
        <v>34</v>
      </c>
      <c r="X3" s="2" t="s">
        <v>35</v>
      </c>
      <c r="Y3" s="2" t="s">
        <v>37</v>
      </c>
      <c r="Z3" s="2" t="s">
        <v>38</v>
      </c>
      <c r="AA3" s="2" t="s">
        <v>39</v>
      </c>
      <c r="AB3" s="2"/>
      <c r="AC3" s="2"/>
      <c r="AD3" s="2" t="s">
        <v>33</v>
      </c>
      <c r="AE3" s="2" t="s">
        <v>34</v>
      </c>
      <c r="AF3" s="2" t="s">
        <v>35</v>
      </c>
      <c r="AG3" s="2" t="s">
        <v>40</v>
      </c>
      <c r="AH3" s="2" t="s">
        <v>41</v>
      </c>
      <c r="AI3" s="2" t="s">
        <v>50</v>
      </c>
      <c r="AJ3" s="2" t="s">
        <v>42</v>
      </c>
      <c r="AK3" s="2" t="s">
        <v>43</v>
      </c>
      <c r="AL3" s="2" t="s">
        <v>14</v>
      </c>
      <c r="AM3" s="2" t="s">
        <v>44</v>
      </c>
    </row>
    <row r="4" spans="1:39" s="10" customFormat="1" ht="17.25" customHeight="1">
      <c r="A4" s="2"/>
      <c r="B4" s="2"/>
      <c r="C4" s="2" t="s">
        <v>45</v>
      </c>
      <c r="D4" s="2"/>
      <c r="E4" s="2"/>
      <c r="F4" s="2"/>
      <c r="G4" s="2"/>
      <c r="H4" s="2" t="s">
        <v>46</v>
      </c>
      <c r="I4" s="2" t="s">
        <v>46</v>
      </c>
      <c r="J4" s="2" t="s">
        <v>46</v>
      </c>
      <c r="K4" s="2" t="s">
        <v>46</v>
      </c>
      <c r="L4" s="2" t="s">
        <v>46</v>
      </c>
      <c r="M4" s="2"/>
      <c r="N4" s="2"/>
      <c r="O4" s="2"/>
      <c r="P4" s="2" t="s">
        <v>47</v>
      </c>
      <c r="Q4" s="2" t="s">
        <v>47</v>
      </c>
      <c r="R4" s="2" t="s">
        <v>47</v>
      </c>
      <c r="S4" s="2"/>
      <c r="T4" s="2" t="s">
        <v>34</v>
      </c>
      <c r="U4" s="2" t="s">
        <v>35</v>
      </c>
      <c r="V4" s="2"/>
      <c r="W4" s="2"/>
      <c r="X4" s="2"/>
      <c r="Y4" s="2" t="s">
        <v>51</v>
      </c>
      <c r="Z4" s="2" t="s">
        <v>47</v>
      </c>
      <c r="AA4" s="2"/>
      <c r="AB4" s="2" t="s">
        <v>34</v>
      </c>
      <c r="AC4" s="2" t="s">
        <v>35</v>
      </c>
      <c r="AD4" s="2"/>
      <c r="AE4" s="2"/>
      <c r="AF4" s="2"/>
      <c r="AG4" s="2"/>
      <c r="AH4" s="2"/>
      <c r="AI4" s="2"/>
      <c r="AJ4" s="2"/>
      <c r="AK4" s="2"/>
      <c r="AL4" s="2"/>
      <c r="AM4" s="2"/>
    </row>
    <row r="5" spans="1:39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</row>
    <row r="6" spans="1:39" ht="17.25" customHeight="1">
      <c r="A6" s="4" t="s">
        <v>53</v>
      </c>
      <c r="B6" s="16">
        <v>360246247</v>
      </c>
      <c r="C6" s="16">
        <v>21938231</v>
      </c>
      <c r="D6" s="16">
        <v>224070838</v>
      </c>
      <c r="E6" s="16">
        <v>12879923</v>
      </c>
      <c r="F6" s="16">
        <v>586165340</v>
      </c>
      <c r="G6" s="16">
        <v>157670320</v>
      </c>
      <c r="H6" s="16">
        <v>2261695</v>
      </c>
      <c r="I6" s="16">
        <v>329725</v>
      </c>
      <c r="J6" s="16">
        <v>0</v>
      </c>
      <c r="K6" s="16">
        <v>202532</v>
      </c>
      <c r="L6" s="16">
        <v>154876368</v>
      </c>
      <c r="M6" s="16">
        <v>315899623</v>
      </c>
      <c r="N6" s="16">
        <v>69014814</v>
      </c>
      <c r="O6" s="16">
        <v>228669087</v>
      </c>
      <c r="P6" s="16">
        <v>17875787</v>
      </c>
      <c r="Q6" s="16">
        <v>339935</v>
      </c>
      <c r="R6" s="16">
        <v>0</v>
      </c>
      <c r="S6" s="16">
        <v>0</v>
      </c>
      <c r="T6" s="16">
        <v>0</v>
      </c>
      <c r="U6" s="16">
        <v>0</v>
      </c>
      <c r="V6" s="16">
        <v>0</v>
      </c>
      <c r="W6" s="16">
        <v>0</v>
      </c>
      <c r="X6" s="16">
        <v>0</v>
      </c>
      <c r="Y6" s="16">
        <v>0</v>
      </c>
      <c r="Z6" s="16">
        <v>0</v>
      </c>
      <c r="AA6" s="16">
        <v>0</v>
      </c>
      <c r="AB6" s="16">
        <v>0</v>
      </c>
      <c r="AC6" s="16">
        <v>0</v>
      </c>
      <c r="AD6" s="16">
        <v>0</v>
      </c>
      <c r="AE6" s="16">
        <v>0</v>
      </c>
      <c r="AF6" s="16">
        <v>0</v>
      </c>
      <c r="AG6" s="16">
        <v>194119931</v>
      </c>
      <c r="AH6" s="16">
        <v>29821625</v>
      </c>
      <c r="AI6" s="16">
        <v>4610831</v>
      </c>
      <c r="AJ6" s="16">
        <v>198439739</v>
      </c>
      <c r="AK6" s="16">
        <v>118718011</v>
      </c>
      <c r="AL6" s="16">
        <v>0</v>
      </c>
      <c r="AM6" s="16">
        <v>2202642428</v>
      </c>
    </row>
    <row r="7" spans="1:39" s="11" customFormat="1" ht="17.25" customHeight="1">
      <c r="A7" s="5" t="s">
        <v>87</v>
      </c>
      <c r="B7" s="17">
        <v>149312081</v>
      </c>
      <c r="C7" s="17">
        <v>8580375</v>
      </c>
      <c r="D7" s="17">
        <v>102735677</v>
      </c>
      <c r="E7" s="17">
        <v>6618872</v>
      </c>
      <c r="F7" s="17">
        <v>239022199</v>
      </c>
      <c r="G7" s="17">
        <v>48235032</v>
      </c>
      <c r="H7" s="17">
        <v>4124772</v>
      </c>
      <c r="I7" s="17">
        <v>319365</v>
      </c>
      <c r="J7" s="17">
        <v>118669</v>
      </c>
      <c r="K7" s="17">
        <v>73248</v>
      </c>
      <c r="L7" s="17">
        <v>43598978</v>
      </c>
      <c r="M7" s="17">
        <v>97821485</v>
      </c>
      <c r="N7" s="17">
        <v>42028611</v>
      </c>
      <c r="O7" s="17">
        <v>49530529</v>
      </c>
      <c r="P7" s="17">
        <v>5344195</v>
      </c>
      <c r="Q7" s="17">
        <v>48889</v>
      </c>
      <c r="R7" s="17">
        <v>478802</v>
      </c>
      <c r="S7" s="17">
        <v>390459</v>
      </c>
      <c r="T7" s="17">
        <v>373607</v>
      </c>
      <c r="U7" s="17">
        <v>16852</v>
      </c>
      <c r="V7" s="17">
        <v>591867</v>
      </c>
      <c r="W7" s="17">
        <v>17904</v>
      </c>
      <c r="X7" s="17">
        <v>573963</v>
      </c>
      <c r="Y7" s="17">
        <v>0</v>
      </c>
      <c r="Z7" s="17">
        <v>0</v>
      </c>
      <c r="AA7" s="17">
        <v>0</v>
      </c>
      <c r="AB7" s="17">
        <v>0</v>
      </c>
      <c r="AC7" s="17">
        <v>0</v>
      </c>
      <c r="AD7" s="17">
        <v>0</v>
      </c>
      <c r="AE7" s="17">
        <v>0</v>
      </c>
      <c r="AF7" s="17">
        <v>0</v>
      </c>
      <c r="AG7" s="17">
        <v>70003750</v>
      </c>
      <c r="AH7" s="17">
        <v>3676433</v>
      </c>
      <c r="AI7" s="17">
        <v>2423258</v>
      </c>
      <c r="AJ7" s="17">
        <v>27245065</v>
      </c>
      <c r="AK7" s="17">
        <v>39310090</v>
      </c>
      <c r="AL7" s="17">
        <v>0</v>
      </c>
      <c r="AM7" s="17">
        <v>786995809</v>
      </c>
    </row>
    <row r="8" spans="1:39" ht="17.25" customHeight="1">
      <c r="A8" s="20" t="s">
        <v>88</v>
      </c>
      <c r="B8" s="21">
        <v>71489723</v>
      </c>
      <c r="C8" s="21">
        <v>3271854</v>
      </c>
      <c r="D8" s="21">
        <v>41620922</v>
      </c>
      <c r="E8" s="21">
        <v>3519965</v>
      </c>
      <c r="F8" s="21">
        <v>109372228</v>
      </c>
      <c r="G8" s="21">
        <v>16443135</v>
      </c>
      <c r="H8" s="21">
        <v>1863546</v>
      </c>
      <c r="I8" s="21">
        <v>53027</v>
      </c>
      <c r="J8" s="21">
        <v>16931</v>
      </c>
      <c r="K8" s="21">
        <v>39882</v>
      </c>
      <c r="L8" s="21">
        <v>14469749</v>
      </c>
      <c r="M8" s="21">
        <v>17497153</v>
      </c>
      <c r="N8" s="21">
        <v>5471986</v>
      </c>
      <c r="O8" s="21">
        <v>11214665</v>
      </c>
      <c r="P8" s="17">
        <v>135196</v>
      </c>
      <c r="Q8" s="21">
        <v>675306</v>
      </c>
      <c r="R8" s="21">
        <v>0</v>
      </c>
      <c r="S8" s="21">
        <v>0</v>
      </c>
      <c r="T8" s="21">
        <v>0</v>
      </c>
      <c r="U8" s="21">
        <v>0</v>
      </c>
      <c r="V8" s="21">
        <v>1369584</v>
      </c>
      <c r="W8" s="21">
        <v>542081</v>
      </c>
      <c r="X8" s="21">
        <v>827503</v>
      </c>
      <c r="Y8" s="21">
        <v>0</v>
      </c>
      <c r="Z8" s="21">
        <v>0</v>
      </c>
      <c r="AA8" s="21">
        <v>0</v>
      </c>
      <c r="AB8" s="21">
        <v>0</v>
      </c>
      <c r="AC8" s="21">
        <v>0</v>
      </c>
      <c r="AD8" s="21">
        <v>0</v>
      </c>
      <c r="AE8" s="21">
        <v>0</v>
      </c>
      <c r="AF8" s="21">
        <v>0</v>
      </c>
      <c r="AG8" s="21">
        <v>27273301</v>
      </c>
      <c r="AH8" s="21">
        <v>1480071</v>
      </c>
      <c r="AI8" s="21">
        <v>0</v>
      </c>
      <c r="AJ8" s="21">
        <v>7095563</v>
      </c>
      <c r="AK8" s="21">
        <v>20366517</v>
      </c>
      <c r="AL8" s="21">
        <v>0</v>
      </c>
      <c r="AM8" s="21">
        <v>317528162</v>
      </c>
    </row>
    <row r="9" spans="1:39" ht="17.25" customHeight="1">
      <c r="A9" s="5" t="s">
        <v>56</v>
      </c>
      <c r="B9" s="17">
        <v>28463961</v>
      </c>
      <c r="C9" s="17">
        <v>2054519</v>
      </c>
      <c r="D9" s="17">
        <v>29484082</v>
      </c>
      <c r="E9" s="17">
        <v>919854</v>
      </c>
      <c r="F9" s="17">
        <v>48172993</v>
      </c>
      <c r="G9" s="17">
        <v>11928656</v>
      </c>
      <c r="H9" s="17">
        <v>504308</v>
      </c>
      <c r="I9" s="17">
        <v>382364</v>
      </c>
      <c r="J9" s="17">
        <v>5859</v>
      </c>
      <c r="K9" s="17">
        <v>25770</v>
      </c>
      <c r="L9" s="17">
        <v>11010355</v>
      </c>
      <c r="M9" s="17">
        <v>18859005</v>
      </c>
      <c r="N9" s="17">
        <v>8560946</v>
      </c>
      <c r="O9" s="17">
        <v>9832216</v>
      </c>
      <c r="P9" s="17">
        <v>0</v>
      </c>
      <c r="Q9" s="17">
        <v>463251</v>
      </c>
      <c r="R9" s="17">
        <v>0</v>
      </c>
      <c r="S9" s="17">
        <v>2592</v>
      </c>
      <c r="T9" s="17">
        <v>0</v>
      </c>
      <c r="U9" s="17">
        <v>2592</v>
      </c>
      <c r="V9" s="17">
        <v>169373</v>
      </c>
      <c r="W9" s="17">
        <v>0</v>
      </c>
      <c r="X9" s="17">
        <v>169373</v>
      </c>
      <c r="Y9" s="17">
        <v>0</v>
      </c>
      <c r="Z9" s="17">
        <v>0</v>
      </c>
      <c r="AA9" s="17">
        <v>0</v>
      </c>
      <c r="AB9" s="17">
        <v>0</v>
      </c>
      <c r="AC9" s="17">
        <v>0</v>
      </c>
      <c r="AD9" s="17">
        <v>0</v>
      </c>
      <c r="AE9" s="17">
        <v>0</v>
      </c>
      <c r="AF9" s="17">
        <v>0</v>
      </c>
      <c r="AG9" s="17">
        <v>16311226</v>
      </c>
      <c r="AH9" s="17">
        <v>3934470</v>
      </c>
      <c r="AI9" s="17">
        <v>2534</v>
      </c>
      <c r="AJ9" s="17">
        <v>2432231</v>
      </c>
      <c r="AK9" s="17">
        <v>14073276</v>
      </c>
      <c r="AL9" s="17">
        <v>0</v>
      </c>
      <c r="AM9" s="17">
        <v>174751661</v>
      </c>
    </row>
    <row r="10" spans="1:39" s="11" customFormat="1" ht="17.25" customHeight="1">
      <c r="A10" s="5" t="s">
        <v>57</v>
      </c>
      <c r="B10" s="17">
        <v>16141801</v>
      </c>
      <c r="C10" s="17">
        <v>700916</v>
      </c>
      <c r="D10" s="17">
        <v>14311585</v>
      </c>
      <c r="E10" s="17">
        <v>992353</v>
      </c>
      <c r="F10" s="17">
        <v>31344126</v>
      </c>
      <c r="G10" s="17">
        <v>7366676</v>
      </c>
      <c r="H10" s="17">
        <v>434366</v>
      </c>
      <c r="I10" s="17">
        <v>107408</v>
      </c>
      <c r="J10" s="17">
        <v>104185</v>
      </c>
      <c r="K10" s="17">
        <v>18537</v>
      </c>
      <c r="L10" s="17">
        <v>6702180</v>
      </c>
      <c r="M10" s="17">
        <v>11933783</v>
      </c>
      <c r="N10" s="17">
        <v>1797257</v>
      </c>
      <c r="O10" s="17">
        <v>10053986</v>
      </c>
      <c r="P10" s="17">
        <v>0</v>
      </c>
      <c r="Q10" s="17">
        <v>63996</v>
      </c>
      <c r="R10" s="17">
        <v>18544</v>
      </c>
      <c r="S10" s="17">
        <v>0</v>
      </c>
      <c r="T10" s="17">
        <v>0</v>
      </c>
      <c r="U10" s="17">
        <v>0</v>
      </c>
      <c r="V10" s="17">
        <v>0</v>
      </c>
      <c r="W10" s="17">
        <v>0</v>
      </c>
      <c r="X10" s="17">
        <v>0</v>
      </c>
      <c r="Y10" s="17">
        <v>0</v>
      </c>
      <c r="Z10" s="17">
        <v>0</v>
      </c>
      <c r="AA10" s="17">
        <v>0</v>
      </c>
      <c r="AB10" s="17">
        <v>0</v>
      </c>
      <c r="AC10" s="17">
        <v>0</v>
      </c>
      <c r="AD10" s="17">
        <v>0</v>
      </c>
      <c r="AE10" s="17">
        <v>0</v>
      </c>
      <c r="AF10" s="17">
        <v>0</v>
      </c>
      <c r="AG10" s="17">
        <v>5818564</v>
      </c>
      <c r="AH10" s="17">
        <v>3481207</v>
      </c>
      <c r="AI10" s="17">
        <v>640804</v>
      </c>
      <c r="AJ10" s="17">
        <v>1810690</v>
      </c>
      <c r="AK10" s="17">
        <v>8109336</v>
      </c>
      <c r="AL10" s="17">
        <v>0</v>
      </c>
      <c r="AM10" s="17">
        <v>101950925</v>
      </c>
    </row>
    <row r="11" spans="1:39" s="11" customFormat="1" ht="17.25" customHeight="1">
      <c r="A11" s="5" t="s">
        <v>58</v>
      </c>
      <c r="B11" s="17">
        <v>13296942</v>
      </c>
      <c r="C11" s="17">
        <v>1094467</v>
      </c>
      <c r="D11" s="17">
        <v>12928499</v>
      </c>
      <c r="E11" s="17">
        <v>198540</v>
      </c>
      <c r="F11" s="17">
        <v>17590000</v>
      </c>
      <c r="G11" s="17">
        <v>5288659</v>
      </c>
      <c r="H11" s="17">
        <v>242700</v>
      </c>
      <c r="I11" s="17">
        <v>74352</v>
      </c>
      <c r="J11" s="17">
        <v>2529</v>
      </c>
      <c r="K11" s="17">
        <v>12189</v>
      </c>
      <c r="L11" s="17">
        <v>4956889</v>
      </c>
      <c r="M11" s="17">
        <v>2513949</v>
      </c>
      <c r="N11" s="17">
        <v>424740</v>
      </c>
      <c r="O11" s="17">
        <v>1964316</v>
      </c>
      <c r="P11" s="17">
        <v>0</v>
      </c>
      <c r="Q11" s="17">
        <v>124893</v>
      </c>
      <c r="R11" s="17">
        <v>0</v>
      </c>
      <c r="S11" s="17">
        <v>0</v>
      </c>
      <c r="T11" s="17">
        <v>0</v>
      </c>
      <c r="U11" s="17">
        <v>0</v>
      </c>
      <c r="V11" s="17">
        <v>56068</v>
      </c>
      <c r="W11" s="17">
        <v>0</v>
      </c>
      <c r="X11" s="17">
        <v>56068</v>
      </c>
      <c r="Y11" s="17">
        <v>0</v>
      </c>
      <c r="Z11" s="17">
        <v>0</v>
      </c>
      <c r="AA11" s="17">
        <v>0</v>
      </c>
      <c r="AB11" s="17">
        <v>0</v>
      </c>
      <c r="AC11" s="17">
        <v>0</v>
      </c>
      <c r="AD11" s="17">
        <v>0</v>
      </c>
      <c r="AE11" s="17">
        <v>0</v>
      </c>
      <c r="AF11" s="17">
        <v>0</v>
      </c>
      <c r="AG11" s="17">
        <v>4230131</v>
      </c>
      <c r="AH11" s="17">
        <v>2116328</v>
      </c>
      <c r="AI11" s="17">
        <v>0</v>
      </c>
      <c r="AJ11" s="17">
        <v>337000</v>
      </c>
      <c r="AK11" s="17">
        <v>6392301</v>
      </c>
      <c r="AL11" s="17">
        <v>0</v>
      </c>
      <c r="AM11" s="17">
        <v>64948417</v>
      </c>
    </row>
    <row r="12" spans="1:39" s="11" customFormat="1" ht="17.25" customHeight="1">
      <c r="A12" s="5" t="s">
        <v>59</v>
      </c>
      <c r="B12" s="17">
        <v>27426130</v>
      </c>
      <c r="C12" s="17">
        <v>1322041</v>
      </c>
      <c r="D12" s="17">
        <v>29212223</v>
      </c>
      <c r="E12" s="17">
        <v>1121207</v>
      </c>
      <c r="F12" s="17">
        <v>55795088</v>
      </c>
      <c r="G12" s="17">
        <v>12855047</v>
      </c>
      <c r="H12" s="17">
        <v>356597</v>
      </c>
      <c r="I12" s="17">
        <v>279331</v>
      </c>
      <c r="J12" s="17">
        <v>92917</v>
      </c>
      <c r="K12" s="17">
        <v>24559</v>
      </c>
      <c r="L12" s="17">
        <v>12101643</v>
      </c>
      <c r="M12" s="17">
        <v>20822216</v>
      </c>
      <c r="N12" s="17">
        <v>12050287</v>
      </c>
      <c r="O12" s="17">
        <v>8680885</v>
      </c>
      <c r="P12" s="17">
        <v>0</v>
      </c>
      <c r="Q12" s="17">
        <v>6544</v>
      </c>
      <c r="R12" s="17">
        <v>84500</v>
      </c>
      <c r="S12" s="17">
        <v>0</v>
      </c>
      <c r="T12" s="17">
        <v>0</v>
      </c>
      <c r="U12" s="17">
        <v>0</v>
      </c>
      <c r="V12" s="17">
        <v>0</v>
      </c>
      <c r="W12" s="17">
        <v>0</v>
      </c>
      <c r="X12" s="17">
        <v>0</v>
      </c>
      <c r="Y12" s="17">
        <v>0</v>
      </c>
      <c r="Z12" s="17">
        <v>0</v>
      </c>
      <c r="AA12" s="17">
        <v>0</v>
      </c>
      <c r="AB12" s="17">
        <v>0</v>
      </c>
      <c r="AC12" s="17">
        <v>0</v>
      </c>
      <c r="AD12" s="17">
        <v>0</v>
      </c>
      <c r="AE12" s="17">
        <v>0</v>
      </c>
      <c r="AF12" s="17">
        <v>0</v>
      </c>
      <c r="AG12" s="17">
        <v>9463844</v>
      </c>
      <c r="AH12" s="17">
        <v>6050200</v>
      </c>
      <c r="AI12" s="17">
        <v>258309</v>
      </c>
      <c r="AJ12" s="17">
        <v>1184000</v>
      </c>
      <c r="AK12" s="17">
        <v>12951032</v>
      </c>
      <c r="AL12" s="17">
        <v>0</v>
      </c>
      <c r="AM12" s="17">
        <v>177139296</v>
      </c>
    </row>
    <row r="13" spans="1:39" s="11" customFormat="1" ht="17.25" customHeight="1">
      <c r="A13" s="5" t="s">
        <v>89</v>
      </c>
      <c r="B13" s="17">
        <v>14093638</v>
      </c>
      <c r="C13" s="17">
        <v>678609</v>
      </c>
      <c r="D13" s="17">
        <v>13239087</v>
      </c>
      <c r="E13" s="17">
        <v>393230</v>
      </c>
      <c r="F13" s="17">
        <v>24327085</v>
      </c>
      <c r="G13" s="17">
        <v>6417262</v>
      </c>
      <c r="H13" s="17">
        <v>236090</v>
      </c>
      <c r="I13" s="17">
        <v>5775</v>
      </c>
      <c r="J13" s="17">
        <v>17950</v>
      </c>
      <c r="K13" s="17">
        <v>12041</v>
      </c>
      <c r="L13" s="17">
        <v>6145406</v>
      </c>
      <c r="M13" s="17">
        <v>6361176</v>
      </c>
      <c r="N13" s="17">
        <v>3356105</v>
      </c>
      <c r="O13" s="17">
        <v>2851395</v>
      </c>
      <c r="P13" s="17">
        <v>0</v>
      </c>
      <c r="Q13" s="17">
        <v>153676</v>
      </c>
      <c r="R13" s="17">
        <v>0</v>
      </c>
      <c r="S13" s="17">
        <v>0</v>
      </c>
      <c r="T13" s="17">
        <v>0</v>
      </c>
      <c r="U13" s="17">
        <v>0</v>
      </c>
      <c r="V13" s="17">
        <v>37604</v>
      </c>
      <c r="W13" s="17">
        <v>37604</v>
      </c>
      <c r="X13" s="17">
        <v>0</v>
      </c>
      <c r="Y13" s="17">
        <v>0</v>
      </c>
      <c r="Z13" s="17">
        <v>0</v>
      </c>
      <c r="AA13" s="17">
        <v>0</v>
      </c>
      <c r="AB13" s="17">
        <v>0</v>
      </c>
      <c r="AC13" s="17">
        <v>0</v>
      </c>
      <c r="AD13" s="17">
        <v>0</v>
      </c>
      <c r="AE13" s="17">
        <v>0</v>
      </c>
      <c r="AF13" s="17">
        <v>0</v>
      </c>
      <c r="AG13" s="17">
        <v>4843880</v>
      </c>
      <c r="AH13" s="17">
        <v>1833891</v>
      </c>
      <c r="AI13" s="17">
        <v>386636</v>
      </c>
      <c r="AJ13" s="17">
        <v>805000</v>
      </c>
      <c r="AK13" s="17">
        <v>6337812</v>
      </c>
      <c r="AL13" s="17">
        <v>0</v>
      </c>
      <c r="AM13" s="17">
        <v>79076301</v>
      </c>
    </row>
    <row r="14" spans="1:39" s="11" customFormat="1" ht="17.25" customHeight="1">
      <c r="A14" s="5" t="s">
        <v>61</v>
      </c>
      <c r="B14" s="17">
        <v>14014991</v>
      </c>
      <c r="C14" s="17">
        <v>526189</v>
      </c>
      <c r="D14" s="17">
        <v>12571290</v>
      </c>
      <c r="E14" s="17">
        <v>340310</v>
      </c>
      <c r="F14" s="17">
        <v>26852381</v>
      </c>
      <c r="G14" s="17">
        <v>7592669</v>
      </c>
      <c r="H14" s="17">
        <v>636232</v>
      </c>
      <c r="I14" s="17">
        <v>215805</v>
      </c>
      <c r="J14" s="17">
        <v>716511</v>
      </c>
      <c r="K14" s="17">
        <v>14622</v>
      </c>
      <c r="L14" s="17">
        <v>6009499</v>
      </c>
      <c r="M14" s="17">
        <v>4416131</v>
      </c>
      <c r="N14" s="17">
        <v>1305233</v>
      </c>
      <c r="O14" s="17">
        <v>3053194</v>
      </c>
      <c r="P14" s="17">
        <v>0</v>
      </c>
      <c r="Q14" s="17">
        <v>0</v>
      </c>
      <c r="R14" s="17">
        <v>57704</v>
      </c>
      <c r="S14" s="17">
        <v>0</v>
      </c>
      <c r="T14" s="17">
        <v>0</v>
      </c>
      <c r="U14" s="17">
        <v>0</v>
      </c>
      <c r="V14" s="17">
        <v>1552</v>
      </c>
      <c r="W14" s="17">
        <v>0</v>
      </c>
      <c r="X14" s="17">
        <v>1552</v>
      </c>
      <c r="Y14" s="17">
        <v>0</v>
      </c>
      <c r="Z14" s="17">
        <v>0</v>
      </c>
      <c r="AA14" s="17">
        <v>0</v>
      </c>
      <c r="AB14" s="17">
        <v>0</v>
      </c>
      <c r="AC14" s="17">
        <v>0</v>
      </c>
      <c r="AD14" s="17">
        <v>0</v>
      </c>
      <c r="AE14" s="17">
        <v>0</v>
      </c>
      <c r="AF14" s="17">
        <v>0</v>
      </c>
      <c r="AG14" s="17">
        <v>5271508</v>
      </c>
      <c r="AH14" s="17">
        <v>3449613</v>
      </c>
      <c r="AI14" s="17">
        <v>129056</v>
      </c>
      <c r="AJ14" s="17">
        <v>1808947</v>
      </c>
      <c r="AK14" s="17">
        <v>6863941</v>
      </c>
      <c r="AL14" s="17">
        <v>0</v>
      </c>
      <c r="AM14" s="17">
        <v>83312389</v>
      </c>
    </row>
    <row r="15" spans="1:39" s="11" customFormat="1" ht="17.25" customHeight="1">
      <c r="A15" s="5" t="s">
        <v>62</v>
      </c>
      <c r="B15" s="17">
        <v>4528930</v>
      </c>
      <c r="C15" s="17">
        <v>209901</v>
      </c>
      <c r="D15" s="17">
        <v>4280185</v>
      </c>
      <c r="E15" s="17">
        <v>113836</v>
      </c>
      <c r="F15" s="17">
        <v>5733711</v>
      </c>
      <c r="G15" s="17">
        <v>1214378</v>
      </c>
      <c r="H15" s="17">
        <v>159872</v>
      </c>
      <c r="I15" s="17">
        <v>45120</v>
      </c>
      <c r="J15" s="17">
        <v>15728</v>
      </c>
      <c r="K15" s="17">
        <v>4694</v>
      </c>
      <c r="L15" s="17">
        <v>988964</v>
      </c>
      <c r="M15" s="17">
        <v>1265879</v>
      </c>
      <c r="N15" s="17">
        <v>477255</v>
      </c>
      <c r="O15" s="17">
        <v>650375</v>
      </c>
      <c r="P15" s="17">
        <v>0</v>
      </c>
      <c r="Q15" s="17">
        <v>138249</v>
      </c>
      <c r="R15" s="17">
        <v>0</v>
      </c>
      <c r="S15" s="17">
        <v>0</v>
      </c>
      <c r="T15" s="17">
        <v>0</v>
      </c>
      <c r="U15" s="17">
        <v>0</v>
      </c>
      <c r="V15" s="17">
        <v>82819</v>
      </c>
      <c r="W15" s="17">
        <v>82819</v>
      </c>
      <c r="X15" s="17">
        <v>0</v>
      </c>
      <c r="Y15" s="17">
        <v>0</v>
      </c>
      <c r="Z15" s="17">
        <v>0</v>
      </c>
      <c r="AA15" s="17">
        <v>0</v>
      </c>
      <c r="AB15" s="17">
        <v>0</v>
      </c>
      <c r="AC15" s="17">
        <v>0</v>
      </c>
      <c r="AD15" s="17">
        <v>0</v>
      </c>
      <c r="AE15" s="17">
        <v>0</v>
      </c>
      <c r="AF15" s="17">
        <v>0</v>
      </c>
      <c r="AG15" s="17">
        <v>2027055</v>
      </c>
      <c r="AH15" s="17">
        <v>2339753</v>
      </c>
      <c r="AI15" s="17">
        <v>1010000</v>
      </c>
      <c r="AJ15" s="17">
        <v>36000</v>
      </c>
      <c r="AK15" s="17">
        <v>1925031</v>
      </c>
      <c r="AL15" s="17">
        <v>0</v>
      </c>
      <c r="AM15" s="17">
        <v>24557577</v>
      </c>
    </row>
    <row r="16" spans="1:39" s="11" customFormat="1" ht="17.25" customHeight="1">
      <c r="A16" s="5" t="s">
        <v>63</v>
      </c>
      <c r="B16" s="17">
        <v>2886599</v>
      </c>
      <c r="C16" s="17">
        <v>234725</v>
      </c>
      <c r="D16" s="17">
        <v>2423390</v>
      </c>
      <c r="E16" s="17">
        <v>126263</v>
      </c>
      <c r="F16" s="17">
        <v>4645157</v>
      </c>
      <c r="G16" s="17">
        <v>2992622</v>
      </c>
      <c r="H16" s="17">
        <v>55607</v>
      </c>
      <c r="I16" s="17">
        <v>4451</v>
      </c>
      <c r="J16" s="17">
        <v>695470</v>
      </c>
      <c r="K16" s="17">
        <v>3785</v>
      </c>
      <c r="L16" s="17">
        <v>2233309</v>
      </c>
      <c r="M16" s="17">
        <v>756283</v>
      </c>
      <c r="N16" s="17">
        <v>140000</v>
      </c>
      <c r="O16" s="17">
        <v>520117</v>
      </c>
      <c r="P16" s="17">
        <v>0</v>
      </c>
      <c r="Q16" s="17">
        <v>96149</v>
      </c>
      <c r="R16" s="17">
        <v>17</v>
      </c>
      <c r="S16" s="17">
        <v>0</v>
      </c>
      <c r="T16" s="17">
        <v>0</v>
      </c>
      <c r="U16" s="17">
        <v>0</v>
      </c>
      <c r="V16" s="17">
        <v>13476</v>
      </c>
      <c r="W16" s="17">
        <v>15</v>
      </c>
      <c r="X16" s="17">
        <v>13461</v>
      </c>
      <c r="Y16" s="17">
        <v>0</v>
      </c>
      <c r="Z16" s="17">
        <v>0</v>
      </c>
      <c r="AA16" s="17">
        <v>0</v>
      </c>
      <c r="AB16" s="17">
        <v>0</v>
      </c>
      <c r="AC16" s="17">
        <v>0</v>
      </c>
      <c r="AD16" s="17">
        <v>0</v>
      </c>
      <c r="AE16" s="17">
        <v>0</v>
      </c>
      <c r="AF16" s="17">
        <v>0</v>
      </c>
      <c r="AG16" s="17">
        <v>1910704</v>
      </c>
      <c r="AH16" s="17">
        <v>1291653</v>
      </c>
      <c r="AI16" s="17">
        <v>0</v>
      </c>
      <c r="AJ16" s="17">
        <v>15760</v>
      </c>
      <c r="AK16" s="17">
        <v>2057910</v>
      </c>
      <c r="AL16" s="17">
        <v>0</v>
      </c>
      <c r="AM16" s="17">
        <v>19119817</v>
      </c>
    </row>
    <row r="17" spans="1:39" s="11" customFormat="1" ht="17.25" customHeight="1">
      <c r="A17" s="5" t="s">
        <v>64</v>
      </c>
      <c r="B17" s="17">
        <v>9732541</v>
      </c>
      <c r="C17" s="17">
        <v>516987</v>
      </c>
      <c r="D17" s="17">
        <v>8013771</v>
      </c>
      <c r="E17" s="17">
        <v>382405</v>
      </c>
      <c r="F17" s="17">
        <v>18492051</v>
      </c>
      <c r="G17" s="17">
        <v>5224963</v>
      </c>
      <c r="H17" s="17">
        <v>133107</v>
      </c>
      <c r="I17" s="17">
        <v>20914</v>
      </c>
      <c r="J17" s="17">
        <v>11830</v>
      </c>
      <c r="K17" s="17">
        <v>1091284</v>
      </c>
      <c r="L17" s="17">
        <v>3967828</v>
      </c>
      <c r="M17" s="17">
        <v>4218283</v>
      </c>
      <c r="N17" s="17">
        <v>1973838</v>
      </c>
      <c r="O17" s="17">
        <v>2242365</v>
      </c>
      <c r="P17" s="17">
        <v>0</v>
      </c>
      <c r="Q17" s="17">
        <v>2080</v>
      </c>
      <c r="R17" s="17">
        <v>0</v>
      </c>
      <c r="S17" s="17">
        <v>0</v>
      </c>
      <c r="T17" s="17">
        <v>0</v>
      </c>
      <c r="U17" s="17">
        <v>0</v>
      </c>
      <c r="V17" s="17">
        <v>0</v>
      </c>
      <c r="W17" s="17">
        <v>0</v>
      </c>
      <c r="X17" s="17">
        <v>0</v>
      </c>
      <c r="Y17" s="17">
        <v>0</v>
      </c>
      <c r="Z17" s="17">
        <v>0</v>
      </c>
      <c r="AA17" s="17">
        <v>0</v>
      </c>
      <c r="AB17" s="17">
        <v>0</v>
      </c>
      <c r="AC17" s="17">
        <v>0</v>
      </c>
      <c r="AD17" s="17">
        <v>0</v>
      </c>
      <c r="AE17" s="17">
        <v>0</v>
      </c>
      <c r="AF17" s="17">
        <v>0</v>
      </c>
      <c r="AG17" s="17">
        <v>3443998</v>
      </c>
      <c r="AH17" s="17">
        <v>1260352</v>
      </c>
      <c r="AI17" s="17">
        <v>0</v>
      </c>
      <c r="AJ17" s="17">
        <v>291834</v>
      </c>
      <c r="AK17" s="17">
        <v>5499202</v>
      </c>
      <c r="AL17" s="17">
        <v>0</v>
      </c>
      <c r="AM17" s="17">
        <v>56559400</v>
      </c>
    </row>
    <row r="18" spans="1:39" s="11" customFormat="1" ht="17.25" customHeight="1">
      <c r="A18" s="5" t="s">
        <v>90</v>
      </c>
      <c r="B18" s="17">
        <v>15969001</v>
      </c>
      <c r="C18" s="17">
        <v>1395017</v>
      </c>
      <c r="D18" s="17">
        <v>16057299</v>
      </c>
      <c r="E18" s="17">
        <v>1570691</v>
      </c>
      <c r="F18" s="17">
        <v>28748206</v>
      </c>
      <c r="G18" s="17">
        <v>7383002</v>
      </c>
      <c r="H18" s="17">
        <v>169393</v>
      </c>
      <c r="I18" s="17">
        <v>45289</v>
      </c>
      <c r="J18" s="17">
        <v>9932</v>
      </c>
      <c r="K18" s="17">
        <v>133591</v>
      </c>
      <c r="L18" s="17">
        <v>7024797</v>
      </c>
      <c r="M18" s="17">
        <v>10691845</v>
      </c>
      <c r="N18" s="17">
        <v>1409148</v>
      </c>
      <c r="O18" s="17">
        <v>9227041</v>
      </c>
      <c r="P18" s="17">
        <v>0</v>
      </c>
      <c r="Q18" s="17">
        <v>55656</v>
      </c>
      <c r="R18" s="17">
        <v>0</v>
      </c>
      <c r="S18" s="17">
        <v>0</v>
      </c>
      <c r="T18" s="17">
        <v>0</v>
      </c>
      <c r="U18" s="17">
        <v>0</v>
      </c>
      <c r="V18" s="17">
        <v>0</v>
      </c>
      <c r="W18" s="17">
        <v>0</v>
      </c>
      <c r="X18" s="17">
        <v>0</v>
      </c>
      <c r="Y18" s="17">
        <v>0</v>
      </c>
      <c r="Z18" s="17">
        <v>0</v>
      </c>
      <c r="AA18" s="17">
        <v>0</v>
      </c>
      <c r="AB18" s="17">
        <v>0</v>
      </c>
      <c r="AC18" s="17">
        <v>0</v>
      </c>
      <c r="AD18" s="17">
        <v>0</v>
      </c>
      <c r="AE18" s="17">
        <v>0</v>
      </c>
      <c r="AF18" s="17">
        <v>0</v>
      </c>
      <c r="AG18" s="17">
        <v>6044326</v>
      </c>
      <c r="AH18" s="17">
        <v>4692740</v>
      </c>
      <c r="AI18" s="17">
        <v>0</v>
      </c>
      <c r="AJ18" s="17">
        <v>1841000</v>
      </c>
      <c r="AK18" s="17">
        <v>5720992</v>
      </c>
      <c r="AL18" s="17">
        <v>0</v>
      </c>
      <c r="AM18" s="17">
        <v>98719102</v>
      </c>
    </row>
    <row r="19" spans="1:39" s="11" customFormat="1" ht="17.25" customHeight="1">
      <c r="A19" s="5" t="s">
        <v>66</v>
      </c>
      <c r="B19" s="17">
        <v>12494271</v>
      </c>
      <c r="C19" s="17">
        <v>708612</v>
      </c>
      <c r="D19" s="17">
        <v>14762602</v>
      </c>
      <c r="E19" s="17">
        <v>404262</v>
      </c>
      <c r="F19" s="17">
        <v>31794422</v>
      </c>
      <c r="G19" s="17">
        <v>7022481</v>
      </c>
      <c r="H19" s="17">
        <v>500064</v>
      </c>
      <c r="I19" s="17">
        <v>21741</v>
      </c>
      <c r="J19" s="17">
        <v>17482</v>
      </c>
      <c r="K19" s="17">
        <v>98713</v>
      </c>
      <c r="L19" s="17">
        <v>6384481</v>
      </c>
      <c r="M19" s="17">
        <v>8162289</v>
      </c>
      <c r="N19" s="17">
        <v>2762772</v>
      </c>
      <c r="O19" s="17">
        <v>5399517</v>
      </c>
      <c r="P19" s="17">
        <v>0</v>
      </c>
      <c r="Q19" s="17">
        <v>0</v>
      </c>
      <c r="R19" s="17">
        <v>0</v>
      </c>
      <c r="S19" s="17">
        <v>0</v>
      </c>
      <c r="T19" s="17">
        <v>0</v>
      </c>
      <c r="U19" s="17">
        <v>0</v>
      </c>
      <c r="V19" s="17">
        <v>0</v>
      </c>
      <c r="W19" s="17">
        <v>0</v>
      </c>
      <c r="X19" s="17">
        <v>0</v>
      </c>
      <c r="Y19" s="17">
        <v>0</v>
      </c>
      <c r="Z19" s="17">
        <v>0</v>
      </c>
      <c r="AA19" s="17">
        <v>0</v>
      </c>
      <c r="AB19" s="17">
        <v>0</v>
      </c>
      <c r="AC19" s="17">
        <v>0</v>
      </c>
      <c r="AD19" s="17">
        <v>0</v>
      </c>
      <c r="AE19" s="17">
        <v>0</v>
      </c>
      <c r="AF19" s="17">
        <v>0</v>
      </c>
      <c r="AG19" s="17">
        <v>5235220</v>
      </c>
      <c r="AH19" s="17">
        <v>79341</v>
      </c>
      <c r="AI19" s="17">
        <v>0</v>
      </c>
      <c r="AJ19" s="17">
        <v>1195000</v>
      </c>
      <c r="AK19" s="17">
        <v>6972296</v>
      </c>
      <c r="AL19" s="17">
        <v>0</v>
      </c>
      <c r="AM19" s="17">
        <v>88122184</v>
      </c>
    </row>
    <row r="20" spans="1:39" s="11" customFormat="1" ht="17.25" customHeight="1">
      <c r="A20" s="5" t="s">
        <v>67</v>
      </c>
      <c r="B20" s="17">
        <v>6487079</v>
      </c>
      <c r="C20" s="17">
        <v>420496</v>
      </c>
      <c r="D20" s="17">
        <v>5678421</v>
      </c>
      <c r="E20" s="17">
        <v>207429</v>
      </c>
      <c r="F20" s="17">
        <v>12043342</v>
      </c>
      <c r="G20" s="17">
        <v>2809359</v>
      </c>
      <c r="H20" s="17">
        <v>123168</v>
      </c>
      <c r="I20" s="17">
        <v>30491</v>
      </c>
      <c r="J20" s="17">
        <v>12283</v>
      </c>
      <c r="K20" s="17">
        <v>706800</v>
      </c>
      <c r="L20" s="17">
        <v>1936617</v>
      </c>
      <c r="M20" s="17">
        <v>1969688</v>
      </c>
      <c r="N20" s="17">
        <v>1041665</v>
      </c>
      <c r="O20" s="17">
        <v>920169</v>
      </c>
      <c r="P20" s="17">
        <v>0</v>
      </c>
      <c r="Q20" s="17">
        <v>7854</v>
      </c>
      <c r="R20" s="17">
        <v>0</v>
      </c>
      <c r="S20" s="17">
        <v>0</v>
      </c>
      <c r="T20" s="17">
        <v>0</v>
      </c>
      <c r="U20" s="17">
        <v>0</v>
      </c>
      <c r="V20" s="17">
        <v>22505</v>
      </c>
      <c r="W20" s="17">
        <v>0</v>
      </c>
      <c r="X20" s="17">
        <v>22505</v>
      </c>
      <c r="Y20" s="17">
        <v>0</v>
      </c>
      <c r="Z20" s="17">
        <v>0</v>
      </c>
      <c r="AA20" s="17">
        <v>0</v>
      </c>
      <c r="AB20" s="17">
        <v>0</v>
      </c>
      <c r="AC20" s="17">
        <v>0</v>
      </c>
      <c r="AD20" s="17">
        <v>0</v>
      </c>
      <c r="AE20" s="17">
        <v>0</v>
      </c>
      <c r="AF20" s="17">
        <v>0</v>
      </c>
      <c r="AG20" s="17">
        <v>2799931</v>
      </c>
      <c r="AH20" s="17">
        <v>642167</v>
      </c>
      <c r="AI20" s="17">
        <v>149319</v>
      </c>
      <c r="AJ20" s="17">
        <v>270000</v>
      </c>
      <c r="AK20" s="17">
        <v>3022252</v>
      </c>
      <c r="AL20" s="17">
        <v>0</v>
      </c>
      <c r="AM20" s="17">
        <v>36101492</v>
      </c>
    </row>
    <row r="21" spans="1:39" s="11" customFormat="1" ht="17.25" customHeight="1">
      <c r="A21" s="5" t="s">
        <v>68</v>
      </c>
      <c r="B21" s="17">
        <v>7725253</v>
      </c>
      <c r="C21" s="17">
        <v>479320</v>
      </c>
      <c r="D21" s="17">
        <v>10265596</v>
      </c>
      <c r="E21" s="17">
        <v>415072</v>
      </c>
      <c r="F21" s="17">
        <v>15140794</v>
      </c>
      <c r="G21" s="17">
        <v>6772332</v>
      </c>
      <c r="H21" s="17">
        <v>332991</v>
      </c>
      <c r="I21" s="17">
        <v>37694</v>
      </c>
      <c r="J21" s="17">
        <v>31588</v>
      </c>
      <c r="K21" s="17">
        <v>836460</v>
      </c>
      <c r="L21" s="17">
        <v>5533599</v>
      </c>
      <c r="M21" s="17">
        <v>4593454</v>
      </c>
      <c r="N21" s="17">
        <v>2471452</v>
      </c>
      <c r="O21" s="17">
        <v>2122002</v>
      </c>
      <c r="P21" s="17">
        <v>0</v>
      </c>
      <c r="Q21" s="17">
        <v>0</v>
      </c>
      <c r="R21" s="17">
        <v>0</v>
      </c>
      <c r="S21" s="17">
        <v>0</v>
      </c>
      <c r="T21" s="17">
        <v>0</v>
      </c>
      <c r="U21" s="17">
        <v>0</v>
      </c>
      <c r="V21" s="17">
        <v>0</v>
      </c>
      <c r="W21" s="17">
        <v>0</v>
      </c>
      <c r="X21" s="17">
        <v>0</v>
      </c>
      <c r="Y21" s="17">
        <v>0</v>
      </c>
      <c r="Z21" s="17">
        <v>0</v>
      </c>
      <c r="AA21" s="17">
        <v>0</v>
      </c>
      <c r="AB21" s="17">
        <v>0</v>
      </c>
      <c r="AC21" s="17">
        <v>0</v>
      </c>
      <c r="AD21" s="17">
        <v>0</v>
      </c>
      <c r="AE21" s="17">
        <v>0</v>
      </c>
      <c r="AF21" s="17">
        <v>0</v>
      </c>
      <c r="AG21" s="17">
        <v>2869132</v>
      </c>
      <c r="AH21" s="17">
        <v>2671610</v>
      </c>
      <c r="AI21" s="17">
        <v>0</v>
      </c>
      <c r="AJ21" s="17">
        <v>135000</v>
      </c>
      <c r="AK21" s="17">
        <v>3823693</v>
      </c>
      <c r="AL21" s="17">
        <v>0</v>
      </c>
      <c r="AM21" s="17">
        <v>54411936</v>
      </c>
    </row>
    <row r="22" spans="1:39" s="11" customFormat="1" ht="17.25" customHeight="1">
      <c r="A22" s="5" t="s">
        <v>91</v>
      </c>
      <c r="B22" s="17">
        <v>7761215</v>
      </c>
      <c r="C22" s="17">
        <v>477011</v>
      </c>
      <c r="D22" s="17">
        <v>7067623</v>
      </c>
      <c r="E22" s="17">
        <v>899293</v>
      </c>
      <c r="F22" s="17">
        <v>16832080</v>
      </c>
      <c r="G22" s="17">
        <v>2799739</v>
      </c>
      <c r="H22" s="17">
        <v>296926</v>
      </c>
      <c r="I22" s="17">
        <v>43259</v>
      </c>
      <c r="J22" s="17">
        <v>49566</v>
      </c>
      <c r="K22" s="17">
        <v>902800</v>
      </c>
      <c r="L22" s="17">
        <v>1507188</v>
      </c>
      <c r="M22" s="17">
        <v>1843220</v>
      </c>
      <c r="N22" s="17">
        <v>884921</v>
      </c>
      <c r="O22" s="17">
        <v>958105</v>
      </c>
      <c r="P22" s="17">
        <v>0</v>
      </c>
      <c r="Q22" s="17">
        <v>194</v>
      </c>
      <c r="R22" s="17">
        <v>0</v>
      </c>
      <c r="S22" s="17">
        <v>0</v>
      </c>
      <c r="T22" s="17">
        <v>0</v>
      </c>
      <c r="U22" s="17">
        <v>0</v>
      </c>
      <c r="V22" s="17">
        <v>0</v>
      </c>
      <c r="W22" s="17">
        <v>0</v>
      </c>
      <c r="X22" s="17">
        <v>0</v>
      </c>
      <c r="Y22" s="17">
        <v>0</v>
      </c>
      <c r="Z22" s="17">
        <v>0</v>
      </c>
      <c r="AA22" s="17">
        <v>0</v>
      </c>
      <c r="AB22" s="17">
        <v>0</v>
      </c>
      <c r="AC22" s="17">
        <v>0</v>
      </c>
      <c r="AD22" s="17">
        <v>0</v>
      </c>
      <c r="AE22" s="17">
        <v>0</v>
      </c>
      <c r="AF22" s="17">
        <v>0</v>
      </c>
      <c r="AG22" s="17">
        <v>2982249</v>
      </c>
      <c r="AH22" s="17">
        <v>4714581</v>
      </c>
      <c r="AI22" s="17">
        <v>0</v>
      </c>
      <c r="AJ22" s="17">
        <v>66620</v>
      </c>
      <c r="AK22" s="17">
        <v>4180564</v>
      </c>
      <c r="AL22" s="17">
        <v>0</v>
      </c>
      <c r="AM22" s="17">
        <v>49147184</v>
      </c>
    </row>
    <row r="23" spans="1:39" s="11" customFormat="1" ht="17.25" customHeight="1">
      <c r="A23" s="5" t="s">
        <v>70</v>
      </c>
      <c r="B23" s="17">
        <v>2857125</v>
      </c>
      <c r="C23" s="17">
        <v>245589</v>
      </c>
      <c r="D23" s="17">
        <v>3578191</v>
      </c>
      <c r="E23" s="17">
        <v>286204</v>
      </c>
      <c r="F23" s="17">
        <v>4157111</v>
      </c>
      <c r="G23" s="17">
        <v>2869023</v>
      </c>
      <c r="H23" s="17">
        <v>59027</v>
      </c>
      <c r="I23" s="17">
        <v>10331</v>
      </c>
      <c r="J23" s="17">
        <v>693573</v>
      </c>
      <c r="K23" s="17">
        <v>45721</v>
      </c>
      <c r="L23" s="17">
        <v>2060371</v>
      </c>
      <c r="M23" s="17">
        <v>1039171</v>
      </c>
      <c r="N23" s="17">
        <v>301005</v>
      </c>
      <c r="O23" s="17">
        <v>721611</v>
      </c>
      <c r="P23" s="17">
        <v>0</v>
      </c>
      <c r="Q23" s="17">
        <v>16555</v>
      </c>
      <c r="R23" s="17">
        <v>0</v>
      </c>
      <c r="S23" s="17">
        <v>0</v>
      </c>
      <c r="T23" s="17">
        <v>0</v>
      </c>
      <c r="U23" s="17">
        <v>0</v>
      </c>
      <c r="V23" s="17">
        <v>41674</v>
      </c>
      <c r="W23" s="17">
        <v>0</v>
      </c>
      <c r="X23" s="17">
        <v>41674</v>
      </c>
      <c r="Y23" s="17">
        <v>0</v>
      </c>
      <c r="Z23" s="17">
        <v>0</v>
      </c>
      <c r="AA23" s="17">
        <v>0</v>
      </c>
      <c r="AB23" s="17">
        <v>0</v>
      </c>
      <c r="AC23" s="17">
        <v>0</v>
      </c>
      <c r="AD23" s="17">
        <v>0</v>
      </c>
      <c r="AE23" s="17">
        <v>0</v>
      </c>
      <c r="AF23" s="17">
        <v>0</v>
      </c>
      <c r="AG23" s="17">
        <v>1315767</v>
      </c>
      <c r="AH23" s="17">
        <v>2318336</v>
      </c>
      <c r="AI23" s="17">
        <v>0</v>
      </c>
      <c r="AJ23" s="17">
        <v>36200</v>
      </c>
      <c r="AK23" s="17">
        <v>1339139</v>
      </c>
      <c r="AL23" s="17">
        <v>0</v>
      </c>
      <c r="AM23" s="17">
        <v>19837941</v>
      </c>
    </row>
    <row r="24" spans="1:39" ht="17.25" customHeight="1">
      <c r="A24" s="20" t="s">
        <v>71</v>
      </c>
      <c r="B24" s="21">
        <v>5992475</v>
      </c>
      <c r="C24" s="21">
        <v>479842</v>
      </c>
      <c r="D24" s="21">
        <v>5176025</v>
      </c>
      <c r="E24" s="21">
        <v>93882</v>
      </c>
      <c r="F24" s="21">
        <v>9655253</v>
      </c>
      <c r="G24" s="21">
        <v>3176677</v>
      </c>
      <c r="H24" s="21">
        <v>169153</v>
      </c>
      <c r="I24" s="21">
        <v>14169</v>
      </c>
      <c r="J24" s="21">
        <v>36885</v>
      </c>
      <c r="K24" s="21">
        <v>721090</v>
      </c>
      <c r="L24" s="21">
        <v>2235380</v>
      </c>
      <c r="M24" s="21">
        <v>2011469</v>
      </c>
      <c r="N24" s="21">
        <v>1306204</v>
      </c>
      <c r="O24" s="21">
        <v>705126</v>
      </c>
      <c r="P24" s="17">
        <v>0</v>
      </c>
      <c r="Q24" s="21">
        <v>0</v>
      </c>
      <c r="R24" s="21">
        <v>0</v>
      </c>
      <c r="S24" s="21">
        <v>139</v>
      </c>
      <c r="T24" s="21">
        <v>0</v>
      </c>
      <c r="U24" s="21">
        <v>139</v>
      </c>
      <c r="V24" s="21">
        <v>0</v>
      </c>
      <c r="W24" s="21">
        <v>0</v>
      </c>
      <c r="X24" s="21">
        <v>0</v>
      </c>
      <c r="Y24" s="21">
        <v>0</v>
      </c>
      <c r="Z24" s="21">
        <v>0</v>
      </c>
      <c r="AA24" s="21">
        <v>0</v>
      </c>
      <c r="AB24" s="21">
        <v>0</v>
      </c>
      <c r="AC24" s="21">
        <v>0</v>
      </c>
      <c r="AD24" s="21">
        <v>0</v>
      </c>
      <c r="AE24" s="21">
        <v>0</v>
      </c>
      <c r="AF24" s="21">
        <v>0</v>
      </c>
      <c r="AG24" s="21">
        <v>2001219</v>
      </c>
      <c r="AH24" s="21">
        <v>2588304</v>
      </c>
      <c r="AI24" s="21">
        <v>31498</v>
      </c>
      <c r="AJ24" s="21">
        <v>30360</v>
      </c>
      <c r="AK24" s="21">
        <v>2604206</v>
      </c>
      <c r="AL24" s="21">
        <v>0</v>
      </c>
      <c r="AM24" s="21">
        <v>33361368</v>
      </c>
    </row>
    <row r="25" spans="1:39" ht="17.25" customHeight="1">
      <c r="A25" s="5" t="s">
        <v>72</v>
      </c>
      <c r="B25" s="17">
        <v>2889604</v>
      </c>
      <c r="C25" s="17">
        <v>173614</v>
      </c>
      <c r="D25" s="17">
        <v>1811878</v>
      </c>
      <c r="E25" s="17">
        <v>129604</v>
      </c>
      <c r="F25" s="17">
        <v>2528296</v>
      </c>
      <c r="G25" s="17">
        <v>1278472</v>
      </c>
      <c r="H25" s="17">
        <v>30838</v>
      </c>
      <c r="I25" s="17">
        <v>4608</v>
      </c>
      <c r="J25" s="17">
        <v>94977</v>
      </c>
      <c r="K25" s="17">
        <v>88456</v>
      </c>
      <c r="L25" s="17">
        <v>1059593</v>
      </c>
      <c r="M25" s="17">
        <v>422328</v>
      </c>
      <c r="N25" s="17">
        <v>98633</v>
      </c>
      <c r="O25" s="17">
        <v>270679</v>
      </c>
      <c r="P25" s="17">
        <v>0</v>
      </c>
      <c r="Q25" s="17">
        <v>53016</v>
      </c>
      <c r="R25" s="17">
        <v>0</v>
      </c>
      <c r="S25" s="17">
        <v>0</v>
      </c>
      <c r="T25" s="17">
        <v>0</v>
      </c>
      <c r="U25" s="17">
        <v>0</v>
      </c>
      <c r="V25" s="17">
        <v>6842</v>
      </c>
      <c r="W25" s="17">
        <v>0</v>
      </c>
      <c r="X25" s="17">
        <v>6842</v>
      </c>
      <c r="Y25" s="17">
        <v>0</v>
      </c>
      <c r="Z25" s="17">
        <v>0</v>
      </c>
      <c r="AA25" s="17">
        <v>0</v>
      </c>
      <c r="AB25" s="17">
        <v>0</v>
      </c>
      <c r="AC25" s="17">
        <v>0</v>
      </c>
      <c r="AD25" s="17">
        <v>0</v>
      </c>
      <c r="AE25" s="17">
        <v>0</v>
      </c>
      <c r="AF25" s="17">
        <v>0</v>
      </c>
      <c r="AG25" s="17">
        <v>522925</v>
      </c>
      <c r="AH25" s="17">
        <v>1186206</v>
      </c>
      <c r="AI25" s="17">
        <v>120000</v>
      </c>
      <c r="AJ25" s="17">
        <v>4000</v>
      </c>
      <c r="AK25" s="17">
        <v>1144314</v>
      </c>
      <c r="AL25" s="17">
        <v>0</v>
      </c>
      <c r="AM25" s="17">
        <v>12044469</v>
      </c>
    </row>
    <row r="26" spans="1:39" s="11" customFormat="1" ht="17.25" customHeight="1">
      <c r="A26" s="5" t="s">
        <v>73</v>
      </c>
      <c r="B26" s="17">
        <v>3325288</v>
      </c>
      <c r="C26" s="17">
        <v>206748</v>
      </c>
      <c r="D26" s="17">
        <v>3248425</v>
      </c>
      <c r="E26" s="17">
        <v>114441</v>
      </c>
      <c r="F26" s="17">
        <v>4831902</v>
      </c>
      <c r="G26" s="17">
        <v>1250762</v>
      </c>
      <c r="H26" s="17">
        <v>38652</v>
      </c>
      <c r="I26" s="17">
        <v>17222</v>
      </c>
      <c r="J26" s="17">
        <v>315842</v>
      </c>
      <c r="K26" s="17">
        <v>16253</v>
      </c>
      <c r="L26" s="17">
        <v>862793</v>
      </c>
      <c r="M26" s="17">
        <v>1215180</v>
      </c>
      <c r="N26" s="17">
        <v>452913</v>
      </c>
      <c r="O26" s="17">
        <v>751285</v>
      </c>
      <c r="P26" s="17">
        <v>0</v>
      </c>
      <c r="Q26" s="17">
        <v>6147</v>
      </c>
      <c r="R26" s="17">
        <v>4835</v>
      </c>
      <c r="S26" s="17">
        <v>0</v>
      </c>
      <c r="T26" s="17">
        <v>0</v>
      </c>
      <c r="U26" s="17">
        <v>0</v>
      </c>
      <c r="V26" s="17">
        <v>0</v>
      </c>
      <c r="W26" s="17">
        <v>0</v>
      </c>
      <c r="X26" s="17">
        <v>0</v>
      </c>
      <c r="Y26" s="17">
        <v>0</v>
      </c>
      <c r="Z26" s="17">
        <v>0</v>
      </c>
      <c r="AA26" s="17">
        <v>0</v>
      </c>
      <c r="AB26" s="17">
        <v>0</v>
      </c>
      <c r="AC26" s="17">
        <v>0</v>
      </c>
      <c r="AD26" s="17">
        <v>0</v>
      </c>
      <c r="AE26" s="17">
        <v>0</v>
      </c>
      <c r="AF26" s="17">
        <v>0</v>
      </c>
      <c r="AG26" s="17">
        <v>1100444</v>
      </c>
      <c r="AH26" s="17">
        <v>801300</v>
      </c>
      <c r="AI26" s="17">
        <v>0</v>
      </c>
      <c r="AJ26" s="17">
        <v>65000</v>
      </c>
      <c r="AK26" s="17">
        <v>1416495</v>
      </c>
      <c r="AL26" s="17">
        <v>0</v>
      </c>
      <c r="AM26" s="17">
        <v>17369237</v>
      </c>
    </row>
    <row r="27" spans="1:39" s="11" customFormat="1" ht="17.25" customHeight="1">
      <c r="A27" s="5" t="s">
        <v>74</v>
      </c>
      <c r="B27" s="17">
        <v>2442308</v>
      </c>
      <c r="C27" s="17">
        <v>154665</v>
      </c>
      <c r="D27" s="17">
        <v>1771461</v>
      </c>
      <c r="E27" s="17">
        <v>116044</v>
      </c>
      <c r="F27" s="17">
        <v>2475188</v>
      </c>
      <c r="G27" s="17">
        <v>1147215</v>
      </c>
      <c r="H27" s="17">
        <v>20767</v>
      </c>
      <c r="I27" s="17">
        <v>17814</v>
      </c>
      <c r="J27" s="17">
        <v>108299</v>
      </c>
      <c r="K27" s="17">
        <v>94866</v>
      </c>
      <c r="L27" s="17">
        <v>905469</v>
      </c>
      <c r="M27" s="17">
        <v>1455870</v>
      </c>
      <c r="N27" s="17">
        <v>1221077</v>
      </c>
      <c r="O27" s="17">
        <v>234793</v>
      </c>
      <c r="P27" s="17">
        <v>0</v>
      </c>
      <c r="Q27" s="17">
        <v>0</v>
      </c>
      <c r="R27" s="17">
        <v>0</v>
      </c>
      <c r="S27" s="17">
        <v>0</v>
      </c>
      <c r="T27" s="17">
        <v>0</v>
      </c>
      <c r="U27" s="17">
        <v>0</v>
      </c>
      <c r="V27" s="17">
        <v>0</v>
      </c>
      <c r="W27" s="17">
        <v>0</v>
      </c>
      <c r="X27" s="17">
        <v>0</v>
      </c>
      <c r="Y27" s="17">
        <v>0</v>
      </c>
      <c r="Z27" s="17">
        <v>0</v>
      </c>
      <c r="AA27" s="17">
        <v>0</v>
      </c>
      <c r="AB27" s="17">
        <v>0</v>
      </c>
      <c r="AC27" s="17">
        <v>0</v>
      </c>
      <c r="AD27" s="17">
        <v>0</v>
      </c>
      <c r="AE27" s="17">
        <v>0</v>
      </c>
      <c r="AF27" s="17">
        <v>0</v>
      </c>
      <c r="AG27" s="17">
        <v>732923</v>
      </c>
      <c r="AH27" s="17">
        <v>1230130</v>
      </c>
      <c r="AI27" s="17">
        <v>0</v>
      </c>
      <c r="AJ27" s="17">
        <v>27000</v>
      </c>
      <c r="AK27" s="17">
        <v>1146671</v>
      </c>
      <c r="AL27" s="17">
        <v>0</v>
      </c>
      <c r="AM27" s="17">
        <v>12544810</v>
      </c>
    </row>
    <row r="28" spans="1:39" s="11" customFormat="1" ht="17.25" customHeight="1">
      <c r="A28" s="5" t="s">
        <v>92</v>
      </c>
      <c r="B28" s="17">
        <v>1892191</v>
      </c>
      <c r="C28" s="17">
        <v>112815</v>
      </c>
      <c r="D28" s="17">
        <v>1708601</v>
      </c>
      <c r="E28" s="17">
        <v>169756</v>
      </c>
      <c r="F28" s="17">
        <v>2141503</v>
      </c>
      <c r="G28" s="17">
        <v>630735</v>
      </c>
      <c r="H28" s="17">
        <v>9998</v>
      </c>
      <c r="I28" s="17">
        <v>1871</v>
      </c>
      <c r="J28" s="17">
        <v>130897</v>
      </c>
      <c r="K28" s="17">
        <v>81595</v>
      </c>
      <c r="L28" s="17">
        <v>406374</v>
      </c>
      <c r="M28" s="17">
        <v>301965</v>
      </c>
      <c r="N28" s="17">
        <v>76282</v>
      </c>
      <c r="O28" s="17">
        <v>225683</v>
      </c>
      <c r="P28" s="17">
        <v>0</v>
      </c>
      <c r="Q28" s="17">
        <v>0</v>
      </c>
      <c r="R28" s="17">
        <v>0</v>
      </c>
      <c r="S28" s="17">
        <v>0</v>
      </c>
      <c r="T28" s="17">
        <v>0</v>
      </c>
      <c r="U28" s="17">
        <v>0</v>
      </c>
      <c r="V28" s="17">
        <v>0</v>
      </c>
      <c r="W28" s="17">
        <v>0</v>
      </c>
      <c r="X28" s="17">
        <v>0</v>
      </c>
      <c r="Y28" s="17">
        <v>0</v>
      </c>
      <c r="Z28" s="17">
        <v>0</v>
      </c>
      <c r="AA28" s="17">
        <v>0</v>
      </c>
      <c r="AB28" s="17">
        <v>0</v>
      </c>
      <c r="AC28" s="17">
        <v>0</v>
      </c>
      <c r="AD28" s="17">
        <v>0</v>
      </c>
      <c r="AE28" s="17">
        <v>0</v>
      </c>
      <c r="AF28" s="17">
        <v>0</v>
      </c>
      <c r="AG28" s="17">
        <v>653364</v>
      </c>
      <c r="AH28" s="17">
        <v>800528</v>
      </c>
      <c r="AI28" s="17">
        <v>0</v>
      </c>
      <c r="AJ28" s="17">
        <v>28000</v>
      </c>
      <c r="AK28" s="17">
        <v>1320855</v>
      </c>
      <c r="AL28" s="17">
        <v>0</v>
      </c>
      <c r="AM28" s="17">
        <v>9647498</v>
      </c>
    </row>
    <row r="29" spans="1:39" s="11" customFormat="1" ht="17.25" customHeight="1">
      <c r="A29" s="5" t="s">
        <v>76</v>
      </c>
      <c r="B29" s="17">
        <v>955470</v>
      </c>
      <c r="C29" s="17">
        <v>55037</v>
      </c>
      <c r="D29" s="17">
        <v>693602</v>
      </c>
      <c r="E29" s="17">
        <v>32726</v>
      </c>
      <c r="F29" s="17">
        <v>634044</v>
      </c>
      <c r="G29" s="17">
        <v>756347</v>
      </c>
      <c r="H29" s="17">
        <v>4953</v>
      </c>
      <c r="I29" s="17">
        <v>3117</v>
      </c>
      <c r="J29" s="17">
        <v>148740</v>
      </c>
      <c r="K29" s="17">
        <v>150215</v>
      </c>
      <c r="L29" s="17">
        <v>449322</v>
      </c>
      <c r="M29" s="17">
        <v>612503</v>
      </c>
      <c r="N29" s="17">
        <v>212788</v>
      </c>
      <c r="O29" s="17">
        <v>382676</v>
      </c>
      <c r="P29" s="17">
        <v>0</v>
      </c>
      <c r="Q29" s="17">
        <v>17039</v>
      </c>
      <c r="R29" s="17">
        <v>0</v>
      </c>
      <c r="S29" s="17">
        <v>0</v>
      </c>
      <c r="T29" s="17">
        <v>0</v>
      </c>
      <c r="U29" s="17">
        <v>0</v>
      </c>
      <c r="V29" s="17">
        <v>0</v>
      </c>
      <c r="W29" s="17">
        <v>0</v>
      </c>
      <c r="X29" s="17">
        <v>0</v>
      </c>
      <c r="Y29" s="17">
        <v>0</v>
      </c>
      <c r="Z29" s="17">
        <v>0</v>
      </c>
      <c r="AA29" s="17">
        <v>0</v>
      </c>
      <c r="AB29" s="17">
        <v>0</v>
      </c>
      <c r="AC29" s="17">
        <v>0</v>
      </c>
      <c r="AD29" s="17">
        <v>0</v>
      </c>
      <c r="AE29" s="17">
        <v>0</v>
      </c>
      <c r="AF29" s="17">
        <v>0</v>
      </c>
      <c r="AG29" s="17">
        <v>78793</v>
      </c>
      <c r="AH29" s="17">
        <v>129094</v>
      </c>
      <c r="AI29" s="17">
        <v>0</v>
      </c>
      <c r="AJ29" s="17">
        <v>21400</v>
      </c>
      <c r="AK29" s="17">
        <v>349982</v>
      </c>
      <c r="AL29" s="17">
        <v>0</v>
      </c>
      <c r="AM29" s="17">
        <v>4263961</v>
      </c>
    </row>
    <row r="30" spans="1:39" s="11" customFormat="1" ht="17.25" customHeight="1">
      <c r="A30" s="5" t="s">
        <v>93</v>
      </c>
      <c r="B30" s="17">
        <v>1347285</v>
      </c>
      <c r="C30" s="17">
        <v>101800</v>
      </c>
      <c r="D30" s="17">
        <v>908502</v>
      </c>
      <c r="E30" s="17">
        <v>43940</v>
      </c>
      <c r="F30" s="17">
        <v>1310781</v>
      </c>
      <c r="G30" s="17">
        <v>956240</v>
      </c>
      <c r="H30" s="17">
        <v>7558</v>
      </c>
      <c r="I30" s="17">
        <v>10961</v>
      </c>
      <c r="J30" s="17">
        <v>283241</v>
      </c>
      <c r="K30" s="17">
        <v>196025</v>
      </c>
      <c r="L30" s="17">
        <v>458455</v>
      </c>
      <c r="M30" s="17">
        <v>805147</v>
      </c>
      <c r="N30" s="17">
        <v>569099</v>
      </c>
      <c r="O30" s="17">
        <v>231005</v>
      </c>
      <c r="P30" s="17">
        <v>0</v>
      </c>
      <c r="Q30" s="17">
        <v>5043</v>
      </c>
      <c r="R30" s="17">
        <v>0</v>
      </c>
      <c r="S30" s="17">
        <v>0</v>
      </c>
      <c r="T30" s="17">
        <v>0</v>
      </c>
      <c r="U30" s="17">
        <v>0</v>
      </c>
      <c r="V30" s="17">
        <v>9648</v>
      </c>
      <c r="W30" s="17">
        <v>5071</v>
      </c>
      <c r="X30" s="17">
        <v>4577</v>
      </c>
      <c r="Y30" s="17">
        <v>0</v>
      </c>
      <c r="Z30" s="17">
        <v>0</v>
      </c>
      <c r="AA30" s="17">
        <v>0</v>
      </c>
      <c r="AB30" s="17">
        <v>0</v>
      </c>
      <c r="AC30" s="17">
        <v>0</v>
      </c>
      <c r="AD30" s="17">
        <v>0</v>
      </c>
      <c r="AE30" s="17">
        <v>0</v>
      </c>
      <c r="AF30" s="17">
        <v>0</v>
      </c>
      <c r="AG30" s="17">
        <v>197398</v>
      </c>
      <c r="AH30" s="17">
        <v>271927</v>
      </c>
      <c r="AI30" s="17">
        <v>0</v>
      </c>
      <c r="AJ30" s="17">
        <v>10360</v>
      </c>
      <c r="AK30" s="17">
        <v>474308</v>
      </c>
      <c r="AL30" s="17">
        <v>0</v>
      </c>
      <c r="AM30" s="17">
        <v>6335536</v>
      </c>
    </row>
    <row r="31" spans="1:39" s="11" customFormat="1" ht="17.25" customHeight="1">
      <c r="A31" s="5" t="s">
        <v>78</v>
      </c>
      <c r="B31" s="17">
        <v>985879</v>
      </c>
      <c r="C31" s="17">
        <v>72231</v>
      </c>
      <c r="D31" s="17">
        <v>731928</v>
      </c>
      <c r="E31" s="17">
        <v>15164</v>
      </c>
      <c r="F31" s="17">
        <v>850352</v>
      </c>
      <c r="G31" s="17">
        <v>603973</v>
      </c>
      <c r="H31" s="17">
        <v>7538</v>
      </c>
      <c r="I31" s="17">
        <v>10331</v>
      </c>
      <c r="J31" s="17">
        <v>175401</v>
      </c>
      <c r="K31" s="17">
        <v>157886</v>
      </c>
      <c r="L31" s="17">
        <v>252817</v>
      </c>
      <c r="M31" s="17">
        <v>2146884</v>
      </c>
      <c r="N31" s="17">
        <v>2074520</v>
      </c>
      <c r="O31" s="17">
        <v>68931</v>
      </c>
      <c r="P31" s="17">
        <v>0</v>
      </c>
      <c r="Q31" s="17">
        <v>0</v>
      </c>
      <c r="R31" s="17">
        <v>3433</v>
      </c>
      <c r="S31" s="17">
        <v>0</v>
      </c>
      <c r="T31" s="17">
        <v>0</v>
      </c>
      <c r="U31" s="17">
        <v>0</v>
      </c>
      <c r="V31" s="17">
        <v>4309</v>
      </c>
      <c r="W31" s="17">
        <v>0</v>
      </c>
      <c r="X31" s="17">
        <v>4309</v>
      </c>
      <c r="Y31" s="17">
        <v>0</v>
      </c>
      <c r="Z31" s="17">
        <v>0</v>
      </c>
      <c r="AA31" s="17">
        <v>0</v>
      </c>
      <c r="AB31" s="17">
        <v>0</v>
      </c>
      <c r="AC31" s="17">
        <v>0</v>
      </c>
      <c r="AD31" s="17">
        <v>0</v>
      </c>
      <c r="AE31" s="17">
        <v>0</v>
      </c>
      <c r="AF31" s="17">
        <v>0</v>
      </c>
      <c r="AG31" s="17">
        <v>399590</v>
      </c>
      <c r="AH31" s="17">
        <v>371239</v>
      </c>
      <c r="AI31" s="17">
        <v>0</v>
      </c>
      <c r="AJ31" s="17">
        <v>7000</v>
      </c>
      <c r="AK31" s="17">
        <v>501189</v>
      </c>
      <c r="AL31" s="17">
        <v>0</v>
      </c>
      <c r="AM31" s="17">
        <v>6617507</v>
      </c>
    </row>
    <row r="32" spans="1:39" s="11" customFormat="1" ht="17.25" customHeight="1">
      <c r="A32" s="5" t="s">
        <v>79</v>
      </c>
      <c r="B32" s="17">
        <v>1312343</v>
      </c>
      <c r="C32" s="17">
        <v>111352</v>
      </c>
      <c r="D32" s="17">
        <v>1058545</v>
      </c>
      <c r="E32" s="17">
        <v>41553</v>
      </c>
      <c r="F32" s="17">
        <v>654944</v>
      </c>
      <c r="G32" s="17">
        <v>1030971</v>
      </c>
      <c r="H32" s="17">
        <v>1102</v>
      </c>
      <c r="I32" s="17">
        <v>7316</v>
      </c>
      <c r="J32" s="17">
        <v>159569</v>
      </c>
      <c r="K32" s="17">
        <v>192712</v>
      </c>
      <c r="L32" s="17">
        <v>670272</v>
      </c>
      <c r="M32" s="17">
        <v>445742</v>
      </c>
      <c r="N32" s="17">
        <v>36750</v>
      </c>
      <c r="O32" s="17">
        <v>402148</v>
      </c>
      <c r="P32" s="17">
        <v>0</v>
      </c>
      <c r="Q32" s="17">
        <v>6844</v>
      </c>
      <c r="R32" s="17">
        <v>0</v>
      </c>
      <c r="S32" s="17">
        <v>0</v>
      </c>
      <c r="T32" s="17">
        <v>0</v>
      </c>
      <c r="U32" s="17">
        <v>0</v>
      </c>
      <c r="V32" s="17">
        <v>235308</v>
      </c>
      <c r="W32" s="17">
        <v>135847</v>
      </c>
      <c r="X32" s="17">
        <v>99461</v>
      </c>
      <c r="Y32" s="17">
        <v>0</v>
      </c>
      <c r="Z32" s="17">
        <v>0</v>
      </c>
      <c r="AA32" s="17">
        <v>0</v>
      </c>
      <c r="AB32" s="17">
        <v>0</v>
      </c>
      <c r="AC32" s="17">
        <v>0</v>
      </c>
      <c r="AD32" s="17">
        <v>0</v>
      </c>
      <c r="AE32" s="17">
        <v>0</v>
      </c>
      <c r="AF32" s="17">
        <v>0</v>
      </c>
      <c r="AG32" s="17">
        <v>448976</v>
      </c>
      <c r="AH32" s="17">
        <v>688522</v>
      </c>
      <c r="AI32" s="17">
        <v>0</v>
      </c>
      <c r="AJ32" s="17">
        <v>720</v>
      </c>
      <c r="AK32" s="17">
        <v>652584</v>
      </c>
      <c r="AL32" s="17">
        <v>0</v>
      </c>
      <c r="AM32" s="17">
        <v>6570208</v>
      </c>
    </row>
    <row r="33" spans="1:39" s="11" customFormat="1" ht="17.25" customHeight="1">
      <c r="A33" s="5" t="s">
        <v>80</v>
      </c>
      <c r="B33" s="17">
        <v>1091678</v>
      </c>
      <c r="C33" s="17">
        <v>100548</v>
      </c>
      <c r="D33" s="17">
        <v>1314302</v>
      </c>
      <c r="E33" s="17">
        <v>45046</v>
      </c>
      <c r="F33" s="17">
        <v>1679778</v>
      </c>
      <c r="G33" s="17">
        <v>886548</v>
      </c>
      <c r="H33" s="17">
        <v>12721</v>
      </c>
      <c r="I33" s="17">
        <v>3746</v>
      </c>
      <c r="J33" s="17">
        <v>316501</v>
      </c>
      <c r="K33" s="17">
        <v>236856</v>
      </c>
      <c r="L33" s="17">
        <v>316724</v>
      </c>
      <c r="M33" s="17">
        <v>673149</v>
      </c>
      <c r="N33" s="17">
        <v>448127</v>
      </c>
      <c r="O33" s="17">
        <v>225022</v>
      </c>
      <c r="P33" s="17">
        <v>0</v>
      </c>
      <c r="Q33" s="17">
        <v>0</v>
      </c>
      <c r="R33" s="17">
        <v>0</v>
      </c>
      <c r="S33" s="17">
        <v>0</v>
      </c>
      <c r="T33" s="17">
        <v>0</v>
      </c>
      <c r="U33" s="17">
        <v>0</v>
      </c>
      <c r="V33" s="17">
        <v>0</v>
      </c>
      <c r="W33" s="17">
        <v>0</v>
      </c>
      <c r="X33" s="17">
        <v>0</v>
      </c>
      <c r="Y33" s="17">
        <v>0</v>
      </c>
      <c r="Z33" s="17">
        <v>0</v>
      </c>
      <c r="AA33" s="17">
        <v>0</v>
      </c>
      <c r="AB33" s="17">
        <v>0</v>
      </c>
      <c r="AC33" s="17">
        <v>0</v>
      </c>
      <c r="AD33" s="17">
        <v>0</v>
      </c>
      <c r="AE33" s="17">
        <v>0</v>
      </c>
      <c r="AF33" s="17">
        <v>0</v>
      </c>
      <c r="AG33" s="17">
        <v>471258</v>
      </c>
      <c r="AH33" s="17">
        <v>970798</v>
      </c>
      <c r="AI33" s="17">
        <v>127080</v>
      </c>
      <c r="AJ33" s="17">
        <v>6600</v>
      </c>
      <c r="AK33" s="17">
        <v>456498</v>
      </c>
      <c r="AL33" s="17">
        <v>0</v>
      </c>
      <c r="AM33" s="17">
        <v>7722735</v>
      </c>
    </row>
    <row r="34" spans="1:39" s="11" customFormat="1" ht="17.25" customHeight="1">
      <c r="A34" s="5" t="s">
        <v>81</v>
      </c>
      <c r="B34" s="17">
        <v>3063911</v>
      </c>
      <c r="C34" s="17">
        <v>228820</v>
      </c>
      <c r="D34" s="17">
        <v>2737268</v>
      </c>
      <c r="E34" s="17">
        <v>330900</v>
      </c>
      <c r="F34" s="17">
        <v>711668</v>
      </c>
      <c r="G34" s="17">
        <v>1027586</v>
      </c>
      <c r="H34" s="17">
        <v>4798</v>
      </c>
      <c r="I34" s="17">
        <v>5457</v>
      </c>
      <c r="J34" s="17">
        <v>18013</v>
      </c>
      <c r="K34" s="17">
        <v>62965</v>
      </c>
      <c r="L34" s="17">
        <v>936353</v>
      </c>
      <c r="M34" s="17">
        <v>718855</v>
      </c>
      <c r="N34" s="17">
        <v>67321</v>
      </c>
      <c r="O34" s="17">
        <v>651534</v>
      </c>
      <c r="P34" s="17">
        <v>0</v>
      </c>
      <c r="Q34" s="17">
        <v>0</v>
      </c>
      <c r="R34" s="17">
        <v>0</v>
      </c>
      <c r="S34" s="17">
        <v>0</v>
      </c>
      <c r="T34" s="17">
        <v>0</v>
      </c>
      <c r="U34" s="17">
        <v>0</v>
      </c>
      <c r="V34" s="17">
        <v>38313</v>
      </c>
      <c r="W34" s="17">
        <v>32274</v>
      </c>
      <c r="X34" s="17">
        <v>6039</v>
      </c>
      <c r="Y34" s="17">
        <v>0</v>
      </c>
      <c r="Z34" s="17">
        <v>0</v>
      </c>
      <c r="AA34" s="17">
        <v>0</v>
      </c>
      <c r="AB34" s="17">
        <v>0</v>
      </c>
      <c r="AC34" s="17">
        <v>0</v>
      </c>
      <c r="AD34" s="17">
        <v>0</v>
      </c>
      <c r="AE34" s="17">
        <v>0</v>
      </c>
      <c r="AF34" s="17">
        <v>0</v>
      </c>
      <c r="AG34" s="17">
        <v>1080889</v>
      </c>
      <c r="AH34" s="17">
        <v>807791</v>
      </c>
      <c r="AI34" s="17">
        <v>0</v>
      </c>
      <c r="AJ34" s="17">
        <v>248398</v>
      </c>
      <c r="AK34" s="17">
        <v>518288</v>
      </c>
      <c r="AL34" s="17">
        <v>0</v>
      </c>
      <c r="AM34" s="17">
        <v>11283867</v>
      </c>
    </row>
    <row r="35" spans="1:39" s="11" customFormat="1" ht="17.25" customHeight="1">
      <c r="A35" s="5" t="s">
        <v>82</v>
      </c>
      <c r="B35" s="17">
        <v>747401</v>
      </c>
      <c r="C35" s="17">
        <v>52350</v>
      </c>
      <c r="D35" s="17">
        <v>554008</v>
      </c>
      <c r="E35" s="17">
        <v>37777</v>
      </c>
      <c r="F35" s="17">
        <v>525016</v>
      </c>
      <c r="G35" s="17">
        <v>726320</v>
      </c>
      <c r="H35" s="17">
        <v>9683</v>
      </c>
      <c r="I35" s="17">
        <v>6200</v>
      </c>
      <c r="J35" s="17">
        <v>198213</v>
      </c>
      <c r="K35" s="17">
        <v>268374</v>
      </c>
      <c r="L35" s="17">
        <v>243850</v>
      </c>
      <c r="M35" s="17">
        <v>157245</v>
      </c>
      <c r="N35" s="17">
        <v>25665</v>
      </c>
      <c r="O35" s="17">
        <v>99241</v>
      </c>
      <c r="P35" s="17">
        <v>0</v>
      </c>
      <c r="Q35" s="17">
        <v>8800</v>
      </c>
      <c r="R35" s="17">
        <v>23539</v>
      </c>
      <c r="S35" s="17">
        <v>0</v>
      </c>
      <c r="T35" s="17">
        <v>0</v>
      </c>
      <c r="U35" s="17">
        <v>0</v>
      </c>
      <c r="V35" s="17">
        <v>24251</v>
      </c>
      <c r="W35" s="17">
        <v>0</v>
      </c>
      <c r="X35" s="17">
        <v>24251</v>
      </c>
      <c r="Y35" s="17">
        <v>0</v>
      </c>
      <c r="Z35" s="17">
        <v>0</v>
      </c>
      <c r="AA35" s="17">
        <v>0</v>
      </c>
      <c r="AB35" s="17">
        <v>0</v>
      </c>
      <c r="AC35" s="17">
        <v>0</v>
      </c>
      <c r="AD35" s="17">
        <v>0</v>
      </c>
      <c r="AE35" s="17">
        <v>0</v>
      </c>
      <c r="AF35" s="17">
        <v>0</v>
      </c>
      <c r="AG35" s="17">
        <v>385443</v>
      </c>
      <c r="AH35" s="17">
        <v>353676</v>
      </c>
      <c r="AI35" s="17">
        <v>25500</v>
      </c>
      <c r="AJ35" s="17">
        <v>3740</v>
      </c>
      <c r="AK35" s="17">
        <v>533306</v>
      </c>
      <c r="AL35" s="17">
        <v>0</v>
      </c>
      <c r="AM35" s="17">
        <v>4073683</v>
      </c>
    </row>
    <row r="36" spans="1:39" s="11" customFormat="1" ht="17.25" customHeight="1">
      <c r="A36" s="5" t="s">
        <v>83</v>
      </c>
      <c r="B36" s="17">
        <v>2225911</v>
      </c>
      <c r="C36" s="17">
        <v>184657</v>
      </c>
      <c r="D36" s="17">
        <v>1775919</v>
      </c>
      <c r="E36" s="17">
        <v>48043</v>
      </c>
      <c r="F36" s="17">
        <v>1498816</v>
      </c>
      <c r="G36" s="17">
        <v>1536761</v>
      </c>
      <c r="H36" s="17">
        <v>11899</v>
      </c>
      <c r="I36" s="17">
        <v>4209</v>
      </c>
      <c r="J36" s="17">
        <v>59467</v>
      </c>
      <c r="K36" s="17">
        <v>784838</v>
      </c>
      <c r="L36" s="17">
        <v>676348</v>
      </c>
      <c r="M36" s="17">
        <v>399801</v>
      </c>
      <c r="N36" s="17">
        <v>50183</v>
      </c>
      <c r="O36" s="17">
        <v>317504</v>
      </c>
      <c r="P36" s="17">
        <v>0</v>
      </c>
      <c r="Q36" s="17">
        <v>17700</v>
      </c>
      <c r="R36" s="17">
        <v>14414</v>
      </c>
      <c r="S36" s="17">
        <v>0</v>
      </c>
      <c r="T36" s="17">
        <v>0</v>
      </c>
      <c r="U36" s="17">
        <v>0</v>
      </c>
      <c r="V36" s="17">
        <v>70482</v>
      </c>
      <c r="W36" s="17">
        <v>3121</v>
      </c>
      <c r="X36" s="17">
        <v>67361</v>
      </c>
      <c r="Y36" s="17">
        <v>0</v>
      </c>
      <c r="Z36" s="17">
        <v>0</v>
      </c>
      <c r="AA36" s="17">
        <v>0</v>
      </c>
      <c r="AB36" s="17">
        <v>0</v>
      </c>
      <c r="AC36" s="17">
        <v>0</v>
      </c>
      <c r="AD36" s="17">
        <v>0</v>
      </c>
      <c r="AE36" s="17">
        <v>0</v>
      </c>
      <c r="AF36" s="17">
        <v>0</v>
      </c>
      <c r="AG36" s="17">
        <v>739782</v>
      </c>
      <c r="AH36" s="17">
        <v>856370</v>
      </c>
      <c r="AI36" s="17">
        <v>0</v>
      </c>
      <c r="AJ36" s="17">
        <v>0</v>
      </c>
      <c r="AK36" s="17">
        <v>1075919</v>
      </c>
      <c r="AL36" s="17">
        <v>0</v>
      </c>
      <c r="AM36" s="17">
        <v>10227804</v>
      </c>
    </row>
    <row r="37" spans="1:39" s="11" customFormat="1" ht="17.25" customHeight="1">
      <c r="A37" s="5" t="s">
        <v>84</v>
      </c>
      <c r="B37" s="17">
        <v>3390093</v>
      </c>
      <c r="C37" s="17">
        <v>217316</v>
      </c>
      <c r="D37" s="17">
        <v>2395038</v>
      </c>
      <c r="E37" s="17">
        <v>70231</v>
      </c>
      <c r="F37" s="17">
        <v>3416152</v>
      </c>
      <c r="G37" s="17">
        <v>1344257</v>
      </c>
      <c r="H37" s="17">
        <v>20339</v>
      </c>
      <c r="I37" s="17">
        <v>7503</v>
      </c>
      <c r="J37" s="17">
        <v>204549</v>
      </c>
      <c r="K37" s="17">
        <v>125399</v>
      </c>
      <c r="L37" s="17">
        <v>986467</v>
      </c>
      <c r="M37" s="17">
        <v>841652</v>
      </c>
      <c r="N37" s="17">
        <v>359460</v>
      </c>
      <c r="O37" s="17">
        <v>480563</v>
      </c>
      <c r="P37" s="17">
        <v>0</v>
      </c>
      <c r="Q37" s="17">
        <v>1629</v>
      </c>
      <c r="R37" s="17">
        <v>0</v>
      </c>
      <c r="S37" s="17">
        <v>0</v>
      </c>
      <c r="T37" s="17">
        <v>0</v>
      </c>
      <c r="U37" s="17">
        <v>0</v>
      </c>
      <c r="V37" s="17">
        <v>1507</v>
      </c>
      <c r="W37" s="17">
        <v>0</v>
      </c>
      <c r="X37" s="17">
        <v>1507</v>
      </c>
      <c r="Y37" s="17">
        <v>0</v>
      </c>
      <c r="Z37" s="17">
        <v>0</v>
      </c>
      <c r="AA37" s="17">
        <v>0</v>
      </c>
      <c r="AB37" s="17">
        <v>0</v>
      </c>
      <c r="AC37" s="17">
        <v>0</v>
      </c>
      <c r="AD37" s="17">
        <v>0</v>
      </c>
      <c r="AE37" s="17">
        <v>0</v>
      </c>
      <c r="AF37" s="17">
        <v>0</v>
      </c>
      <c r="AG37" s="17">
        <v>736979</v>
      </c>
      <c r="AH37" s="17">
        <v>842198</v>
      </c>
      <c r="AI37" s="17">
        <v>148708</v>
      </c>
      <c r="AJ37" s="17">
        <v>201500</v>
      </c>
      <c r="AK37" s="17">
        <v>1360606</v>
      </c>
      <c r="AL37" s="17">
        <v>0</v>
      </c>
      <c r="AM37" s="17">
        <v>14748921</v>
      </c>
    </row>
    <row r="38" spans="1:39" ht="17.25" customHeight="1">
      <c r="A38" s="6" t="s">
        <v>85</v>
      </c>
      <c r="B38" s="18">
        <v>702943</v>
      </c>
      <c r="C38" s="18">
        <v>35790</v>
      </c>
      <c r="D38" s="18">
        <v>403491</v>
      </c>
      <c r="E38" s="18">
        <v>18623</v>
      </c>
      <c r="F38" s="18">
        <v>196112</v>
      </c>
      <c r="G38" s="18">
        <v>455020</v>
      </c>
      <c r="H38" s="18">
        <v>3030</v>
      </c>
      <c r="I38" s="18">
        <v>308</v>
      </c>
      <c r="J38" s="18">
        <v>209049</v>
      </c>
      <c r="K38" s="18">
        <v>60875</v>
      </c>
      <c r="L38" s="18">
        <v>181758</v>
      </c>
      <c r="M38" s="18">
        <v>232377</v>
      </c>
      <c r="N38" s="18">
        <v>0</v>
      </c>
      <c r="O38" s="18">
        <v>232377</v>
      </c>
      <c r="P38" s="18">
        <v>0</v>
      </c>
      <c r="Q38" s="18">
        <v>0</v>
      </c>
      <c r="R38" s="18">
        <v>0</v>
      </c>
      <c r="S38" s="18">
        <v>0</v>
      </c>
      <c r="T38" s="18">
        <v>0</v>
      </c>
      <c r="U38" s="18">
        <v>0</v>
      </c>
      <c r="V38" s="18">
        <v>0</v>
      </c>
      <c r="W38" s="18">
        <v>0</v>
      </c>
      <c r="X38" s="18">
        <v>0</v>
      </c>
      <c r="Y38" s="18">
        <v>0</v>
      </c>
      <c r="Z38" s="18">
        <v>0</v>
      </c>
      <c r="AA38" s="18">
        <v>0</v>
      </c>
      <c r="AB38" s="18">
        <v>0</v>
      </c>
      <c r="AC38" s="18">
        <v>0</v>
      </c>
      <c r="AD38" s="18">
        <v>0</v>
      </c>
      <c r="AE38" s="18">
        <v>0</v>
      </c>
      <c r="AF38" s="18">
        <v>0</v>
      </c>
      <c r="AG38" s="18">
        <v>36858</v>
      </c>
      <c r="AH38" s="18">
        <v>200205</v>
      </c>
      <c r="AI38" s="18">
        <v>0</v>
      </c>
      <c r="AJ38" s="18">
        <v>9000</v>
      </c>
      <c r="AK38" s="18">
        <v>298492</v>
      </c>
      <c r="AL38" s="18">
        <v>0</v>
      </c>
      <c r="AM38" s="18">
        <v>2553121</v>
      </c>
    </row>
    <row r="39" spans="1:39" ht="17.25" customHeight="1">
      <c r="A39" s="7" t="s">
        <v>86</v>
      </c>
      <c r="B39" s="19">
        <v>797292308</v>
      </c>
      <c r="C39" s="19">
        <v>47142444</v>
      </c>
      <c r="D39" s="19">
        <v>578590274</v>
      </c>
      <c r="E39" s="19">
        <v>32697439</v>
      </c>
      <c r="F39" s="19">
        <v>1309338119</v>
      </c>
      <c r="G39" s="19">
        <v>329693239</v>
      </c>
      <c r="H39" s="19">
        <v>12843490</v>
      </c>
      <c r="I39" s="19">
        <v>2141274</v>
      </c>
      <c r="J39" s="19">
        <v>5072646</v>
      </c>
      <c r="K39" s="19">
        <v>7485633</v>
      </c>
      <c r="L39" s="19">
        <v>302150196</v>
      </c>
      <c r="M39" s="19">
        <v>543104800</v>
      </c>
      <c r="N39" s="19">
        <v>162471057</v>
      </c>
      <c r="O39" s="19">
        <v>353890142</v>
      </c>
      <c r="P39" s="19">
        <v>23355178</v>
      </c>
      <c r="Q39" s="19">
        <v>2309445</v>
      </c>
      <c r="R39" s="19">
        <v>685788</v>
      </c>
      <c r="S39" s="19">
        <v>393190</v>
      </c>
      <c r="T39" s="19">
        <v>373607</v>
      </c>
      <c r="U39" s="19">
        <v>19583</v>
      </c>
      <c r="V39" s="19">
        <v>2777182</v>
      </c>
      <c r="W39" s="19">
        <v>856736</v>
      </c>
      <c r="X39" s="19">
        <v>1920446</v>
      </c>
      <c r="Y39" s="19">
        <v>0</v>
      </c>
      <c r="Z39" s="19">
        <v>0</v>
      </c>
      <c r="AA39" s="19">
        <v>0</v>
      </c>
      <c r="AB39" s="19">
        <v>0</v>
      </c>
      <c r="AC39" s="19">
        <v>0</v>
      </c>
      <c r="AD39" s="19">
        <v>0</v>
      </c>
      <c r="AE39" s="19">
        <v>0</v>
      </c>
      <c r="AF39" s="19">
        <v>0</v>
      </c>
      <c r="AG39" s="19">
        <v>375551358</v>
      </c>
      <c r="AH39" s="19">
        <v>87952659</v>
      </c>
      <c r="AI39" s="19">
        <v>10063533</v>
      </c>
      <c r="AJ39" s="19">
        <v>245708727</v>
      </c>
      <c r="AK39" s="19">
        <v>281517108</v>
      </c>
      <c r="AL39" s="19">
        <v>0</v>
      </c>
      <c r="AM39" s="19">
        <v>4594286746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３年度市町村普通会計決算状況
　（３）イ　歳出（性質別）［&amp;P/&amp;N］&amp;R&amp;"ＭＳ ゴシック,標準"&amp;10
（単位：千円）</oddHeader>
  </headerFooter>
  <colBreaks count="5" manualBreakCount="5">
    <brk id="8" max="43" man="1"/>
    <brk id="15" max="43" man="1"/>
    <brk id="22" max="43" man="1"/>
    <brk id="29" max="43" man="1"/>
    <brk id="36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13-1</vt:lpstr>
      <vt:lpstr>13-2</vt:lpstr>
      <vt:lpstr>'13-1'!Print_Area</vt:lpstr>
      <vt:lpstr>'13-2'!Print_Area</vt:lpstr>
      <vt:lpstr>'13-1'!Print_Titles</vt:lpstr>
      <vt:lpstr>'13-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05T09:39:51Z</cp:lastPrinted>
  <dcterms:created xsi:type="dcterms:W3CDTF">2013-03-18T10:11:53Z</dcterms:created>
  <dcterms:modified xsi:type="dcterms:W3CDTF">2023-01-05T09:39:57Z</dcterms:modified>
</cp:coreProperties>
</file>